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</p:sldMasterIdLst>
  <p:notesMasterIdLst>
    <p:notesMasterId r:id="rId10"/>
  </p:notesMasterIdLst>
  <p:handoutMasterIdLst>
    <p:handoutMasterId r:id="rId11"/>
  </p:handoutMasterIdLst>
  <p:sldIdLst>
    <p:sldId id="260" r:id="rId9"/>
  </p:sldIdLst>
  <p:sldSz cx="9601200" cy="12801600" type="A3"/>
  <p:notesSz cx="6858000" cy="9144000"/>
  <p:defaultTextStyle>
    <a:defPPr>
      <a:defRPr lang="en-US"/>
    </a:defPPr>
    <a:lvl1pPr marL="0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1pPr>
    <a:lvl2pPr marL="610956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2pPr>
    <a:lvl3pPr marL="1221913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3pPr>
    <a:lvl4pPr marL="1832869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4pPr>
    <a:lvl5pPr marL="2443825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5pPr>
    <a:lvl6pPr marL="3054782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6pPr>
    <a:lvl7pPr marL="3665738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7pPr>
    <a:lvl8pPr marL="4276695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8pPr>
    <a:lvl9pPr marL="4887651" algn="l" defTabSz="1221913" rtl="0" eaLnBrk="1" latinLnBrk="0" hangingPunct="1">
      <a:defRPr sz="2405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625EDCE-C423-4CAE-A9E9-8CBDFD6F7BA0}" v="37" dt="2023-02-14T18:24:51.225"/>
  </p1510:revLst>
</p1510:revInfo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88523" autoAdjust="0"/>
  </p:normalViewPr>
  <p:slideViewPr>
    <p:cSldViewPr snapToGrid="0" showGuides="1">
      <p:cViewPr varScale="1">
        <p:scale>
          <a:sx n="43" d="100"/>
          <a:sy n="43" d="100"/>
        </p:scale>
        <p:origin x="1498" y="82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81" d="100"/>
          <a:sy n="81" d="100"/>
        </p:scale>
        <p:origin x="3894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4/02/2023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4/02/2023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2271713" y="1143000"/>
            <a:ext cx="2314575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1pPr>
    <a:lvl2pPr marL="610956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2pPr>
    <a:lvl3pPr marL="1221913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3pPr>
    <a:lvl4pPr marL="1832869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4pPr>
    <a:lvl5pPr marL="2443825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5pPr>
    <a:lvl6pPr marL="3054782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6pPr>
    <a:lvl7pPr marL="3665738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7pPr>
    <a:lvl8pPr marL="4276695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8pPr>
    <a:lvl9pPr marL="4887651" algn="l" defTabSz="1221913" rtl="0" eaLnBrk="1" latinLnBrk="0" hangingPunct="1">
      <a:defRPr sz="1604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Picture Placeholder 41" descr="{&quot;templafy&quot;:{&quot;id&quot;:&quot;1f4736dd-9839-48d9-bb18-838498b3889a&quot;}}">
            <a:extLst>
              <a:ext uri="{FF2B5EF4-FFF2-40B4-BE49-F238E27FC236}">
                <a16:creationId xmlns:a16="http://schemas.microsoft.com/office/drawing/2014/main" id="{04E91EB5-5D89-4D35-A466-03BCDF9879F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1" y="0"/>
            <a:ext cx="9601201" cy="12801600"/>
          </a:xfrm>
          <a:custGeom>
            <a:avLst/>
            <a:gdLst>
              <a:gd name="connsiteX0" fmla="*/ 315784 w 12191999"/>
              <a:gd name="connsiteY0" fmla="*/ 5769768 h 6858000"/>
              <a:gd name="connsiteX1" fmla="*/ 315784 w 12191999"/>
              <a:gd name="connsiteY1" fmla="*/ 6543768 h 6858000"/>
              <a:gd name="connsiteX2" fmla="*/ 320399 w 12191999"/>
              <a:gd name="connsiteY2" fmla="*/ 6543768 h 6858000"/>
              <a:gd name="connsiteX3" fmla="*/ 320399 w 12191999"/>
              <a:gd name="connsiteY3" fmla="*/ 6544699 h 6858000"/>
              <a:gd name="connsiteX4" fmla="*/ 608399 w 12191999"/>
              <a:gd name="connsiteY4" fmla="*/ 6544699 h 6858000"/>
              <a:gd name="connsiteX5" fmla="*/ 608399 w 12191999"/>
              <a:gd name="connsiteY5" fmla="*/ 6530299 h 6858000"/>
              <a:gd name="connsiteX6" fmla="*/ 330184 w 12191999"/>
              <a:gd name="connsiteY6" fmla="*/ 6530299 h 6858000"/>
              <a:gd name="connsiteX7" fmla="*/ 330184 w 12191999"/>
              <a:gd name="connsiteY7" fmla="*/ 5769768 h 6858000"/>
              <a:gd name="connsiteX8" fmla="*/ 10692774 w 12191999"/>
              <a:gd name="connsiteY8" fmla="*/ 311072 h 6858000"/>
              <a:gd name="connsiteX9" fmla="*/ 10617198 w 12191999"/>
              <a:gd name="connsiteY9" fmla="*/ 386648 h 6858000"/>
              <a:gd name="connsiteX10" fmla="*/ 10617198 w 12191999"/>
              <a:gd name="connsiteY10" fmla="*/ 960380 h 6858000"/>
              <a:gd name="connsiteX11" fmla="*/ 10692774 w 12191999"/>
              <a:gd name="connsiteY11" fmla="*/ 1035956 h 6858000"/>
              <a:gd name="connsiteX12" fmla="*/ 11813404 w 12191999"/>
              <a:gd name="connsiteY12" fmla="*/ 1035956 h 6858000"/>
              <a:gd name="connsiteX13" fmla="*/ 11888980 w 12191999"/>
              <a:gd name="connsiteY13" fmla="*/ 960380 h 6858000"/>
              <a:gd name="connsiteX14" fmla="*/ 11888980 w 12191999"/>
              <a:gd name="connsiteY14" fmla="*/ 386648 h 6858000"/>
              <a:gd name="connsiteX15" fmla="*/ 11813404 w 12191999"/>
              <a:gd name="connsiteY15" fmla="*/ 311072 h 6858000"/>
              <a:gd name="connsiteX16" fmla="*/ 0 w 12191999"/>
              <a:gd name="connsiteY16" fmla="*/ 0 h 6858000"/>
              <a:gd name="connsiteX17" fmla="*/ 312254 w 12191999"/>
              <a:gd name="connsiteY17" fmla="*/ 0 h 6858000"/>
              <a:gd name="connsiteX18" fmla="*/ 312254 w 12191999"/>
              <a:gd name="connsiteY18" fmla="*/ 1116000 h 6858000"/>
              <a:gd name="connsiteX19" fmla="*/ 328129 w 12191999"/>
              <a:gd name="connsiteY19" fmla="*/ 1116000 h 6858000"/>
              <a:gd name="connsiteX20" fmla="*/ 328129 w 12191999"/>
              <a:gd name="connsiteY20" fmla="*/ 0 h 6858000"/>
              <a:gd name="connsiteX21" fmla="*/ 12191999 w 12191999"/>
              <a:gd name="connsiteY21" fmla="*/ 0 h 6858000"/>
              <a:gd name="connsiteX22" fmla="*/ 12191999 w 12191999"/>
              <a:gd name="connsiteY22" fmla="*/ 6531379 h 6858000"/>
              <a:gd name="connsiteX23" fmla="*/ 2482800 w 12191999"/>
              <a:gd name="connsiteY23" fmla="*/ 6531379 h 6858000"/>
              <a:gd name="connsiteX24" fmla="*/ 2482800 w 12191999"/>
              <a:gd name="connsiteY24" fmla="*/ 6545779 h 6858000"/>
              <a:gd name="connsiteX25" fmla="*/ 12191999 w 12191999"/>
              <a:gd name="connsiteY25" fmla="*/ 6545779 h 6858000"/>
              <a:gd name="connsiteX26" fmla="*/ 12191999 w 12191999"/>
              <a:gd name="connsiteY26" fmla="*/ 6858000 h 6858000"/>
              <a:gd name="connsiteX27" fmla="*/ 0 w 12191999"/>
              <a:gd name="connsiteY27" fmla="*/ 6858000 h 6858000"/>
              <a:gd name="connsiteX28" fmla="*/ 0 w 12191999"/>
              <a:gd name="connsiteY28" fmla="*/ 5558975 h 6858000"/>
              <a:gd name="connsiteX29" fmla="*/ 5780477 w 12191999"/>
              <a:gd name="connsiteY29" fmla="*/ 5558975 h 6858000"/>
              <a:gd name="connsiteX30" fmla="*/ 5780477 w 12191999"/>
              <a:gd name="connsiteY30" fmla="*/ 5342400 h 6858000"/>
              <a:gd name="connsiteX31" fmla="*/ 5986803 w 12191999"/>
              <a:gd name="connsiteY31" fmla="*/ 5342400 h 6858000"/>
              <a:gd name="connsiteX32" fmla="*/ 5986803 w 12191999"/>
              <a:gd name="connsiteY32" fmla="*/ 1317600 h 6858000"/>
              <a:gd name="connsiteX33" fmla="*/ 0 w 12191999"/>
              <a:gd name="connsiteY33" fmla="*/ 13176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</a:cxnLst>
            <a:rect l="l" t="t" r="r" b="b"/>
            <a:pathLst>
              <a:path w="12191999" h="6858000">
                <a:moveTo>
                  <a:pt x="315784" y="5769768"/>
                </a:moveTo>
                <a:lnTo>
                  <a:pt x="315784" y="6543768"/>
                </a:lnTo>
                <a:lnTo>
                  <a:pt x="320399" y="6543768"/>
                </a:lnTo>
                <a:lnTo>
                  <a:pt x="320399" y="6544699"/>
                </a:lnTo>
                <a:lnTo>
                  <a:pt x="608399" y="6544699"/>
                </a:lnTo>
                <a:lnTo>
                  <a:pt x="608399" y="6530299"/>
                </a:lnTo>
                <a:lnTo>
                  <a:pt x="330184" y="6530299"/>
                </a:lnTo>
                <a:lnTo>
                  <a:pt x="330184" y="5769768"/>
                </a:lnTo>
                <a:close/>
                <a:moveTo>
                  <a:pt x="10692774" y="311072"/>
                </a:moveTo>
                <a:cubicBezTo>
                  <a:pt x="10651035" y="311072"/>
                  <a:pt x="10617198" y="344909"/>
                  <a:pt x="10617198" y="386648"/>
                </a:cubicBezTo>
                <a:lnTo>
                  <a:pt x="10617198" y="960380"/>
                </a:lnTo>
                <a:cubicBezTo>
                  <a:pt x="10617198" y="1002119"/>
                  <a:pt x="10651035" y="1035956"/>
                  <a:pt x="10692774" y="1035956"/>
                </a:cubicBezTo>
                <a:lnTo>
                  <a:pt x="11813404" y="1035956"/>
                </a:lnTo>
                <a:cubicBezTo>
                  <a:pt x="11855143" y="1035956"/>
                  <a:pt x="11888980" y="1002119"/>
                  <a:pt x="11888980" y="960380"/>
                </a:cubicBezTo>
                <a:lnTo>
                  <a:pt x="11888980" y="386648"/>
                </a:lnTo>
                <a:cubicBezTo>
                  <a:pt x="11888980" y="344909"/>
                  <a:pt x="11855143" y="311072"/>
                  <a:pt x="11813404" y="311072"/>
                </a:cubicBezTo>
                <a:close/>
                <a:moveTo>
                  <a:pt x="0" y="0"/>
                </a:moveTo>
                <a:lnTo>
                  <a:pt x="312254" y="0"/>
                </a:lnTo>
                <a:lnTo>
                  <a:pt x="312254" y="1116000"/>
                </a:lnTo>
                <a:lnTo>
                  <a:pt x="328129" y="1116000"/>
                </a:lnTo>
                <a:lnTo>
                  <a:pt x="328129" y="0"/>
                </a:lnTo>
                <a:lnTo>
                  <a:pt x="12191999" y="0"/>
                </a:lnTo>
                <a:lnTo>
                  <a:pt x="12191999" y="6531379"/>
                </a:lnTo>
                <a:lnTo>
                  <a:pt x="2482800" y="6531379"/>
                </a:lnTo>
                <a:lnTo>
                  <a:pt x="2482800" y="6545779"/>
                </a:lnTo>
                <a:lnTo>
                  <a:pt x="12191999" y="6545779"/>
                </a:lnTo>
                <a:lnTo>
                  <a:pt x="12191999" y="6858000"/>
                </a:lnTo>
                <a:lnTo>
                  <a:pt x="0" y="6858000"/>
                </a:lnTo>
                <a:lnTo>
                  <a:pt x="0" y="5558975"/>
                </a:lnTo>
                <a:lnTo>
                  <a:pt x="5780477" y="5558975"/>
                </a:lnTo>
                <a:lnTo>
                  <a:pt x="5780477" y="5342400"/>
                </a:lnTo>
                <a:lnTo>
                  <a:pt x="5986803" y="5342400"/>
                </a:lnTo>
                <a:lnTo>
                  <a:pt x="5986803" y="1317600"/>
                </a:lnTo>
                <a:lnTo>
                  <a:pt x="0" y="13176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tIns="72000">
            <a:noAutofit/>
          </a:bodyPr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BE1CF834-FC02-444D-BE8A-776D0DB5691C}"/>
              </a:ext>
            </a:extLst>
          </p:cNvPr>
          <p:cNvSpPr/>
          <p:nvPr userDrawn="1"/>
        </p:nvSpPr>
        <p:spPr>
          <a:xfrm>
            <a:off x="5002" y="2467217"/>
            <a:ext cx="4714605" cy="7590059"/>
          </a:xfrm>
          <a:custGeom>
            <a:avLst/>
            <a:gdLst>
              <a:gd name="connsiteX0" fmla="*/ 0 w 5986800"/>
              <a:gd name="connsiteY0" fmla="*/ 0 h 4066103"/>
              <a:gd name="connsiteX1" fmla="*/ 5986800 w 5986800"/>
              <a:gd name="connsiteY1" fmla="*/ 0 h 4066103"/>
              <a:gd name="connsiteX2" fmla="*/ 5986800 w 5986800"/>
              <a:gd name="connsiteY2" fmla="*/ 1117006 h 4066103"/>
              <a:gd name="connsiteX3" fmla="*/ 5986800 w 5986800"/>
              <a:gd name="connsiteY3" fmla="*/ 2949097 h 4066103"/>
              <a:gd name="connsiteX4" fmla="*/ 5986800 w 5986800"/>
              <a:gd name="connsiteY4" fmla="*/ 4066103 h 4066103"/>
              <a:gd name="connsiteX5" fmla="*/ 5781600 w 5986800"/>
              <a:gd name="connsiteY5" fmla="*/ 4066103 h 4066103"/>
              <a:gd name="connsiteX6" fmla="*/ 5781600 w 5986800"/>
              <a:gd name="connsiteY6" fmla="*/ 2949600 h 4066103"/>
              <a:gd name="connsiteX7" fmla="*/ 5776530 w 5986800"/>
              <a:gd name="connsiteY7" fmla="*/ 2949600 h 4066103"/>
              <a:gd name="connsiteX8" fmla="*/ 5776530 w 5986800"/>
              <a:gd name="connsiteY8" fmla="*/ 2949097 h 4066103"/>
              <a:gd name="connsiteX9" fmla="*/ 0 w 5986800"/>
              <a:gd name="connsiteY9" fmla="*/ 2949097 h 40661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5986800" h="4066103">
                <a:moveTo>
                  <a:pt x="0" y="0"/>
                </a:moveTo>
                <a:lnTo>
                  <a:pt x="5986800" y="0"/>
                </a:lnTo>
                <a:lnTo>
                  <a:pt x="5986800" y="1117006"/>
                </a:lnTo>
                <a:lnTo>
                  <a:pt x="5986800" y="2949097"/>
                </a:lnTo>
                <a:lnTo>
                  <a:pt x="5986800" y="4066103"/>
                </a:lnTo>
                <a:lnTo>
                  <a:pt x="5781600" y="4066103"/>
                </a:lnTo>
                <a:lnTo>
                  <a:pt x="5781600" y="2949600"/>
                </a:lnTo>
                <a:lnTo>
                  <a:pt x="5776530" y="2949600"/>
                </a:lnTo>
                <a:lnTo>
                  <a:pt x="5776530" y="2949097"/>
                </a:lnTo>
                <a:lnTo>
                  <a:pt x="0" y="2949097"/>
                </a:lnTo>
                <a:close/>
              </a:path>
            </a:pathLst>
          </a:cu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6" name="Title 5" descr="{&quot;templafy&quot;:{&quot;id&quot;:&quot;60a77fe5-1dca-4b82-915a-c2d2acf64e10&quot;}}">
            <a:extLst>
              <a:ext uri="{FF2B5EF4-FFF2-40B4-BE49-F238E27FC236}">
                <a16:creationId xmlns:a16="http://schemas.microsoft.com/office/drawing/2014/main" id="{9FEB1896-3371-4CA2-9C53-E43D84A652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10300" y="3810852"/>
            <a:ext cx="4023048" cy="2241545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29" name="Text Placeholder 28">
            <a:extLst>
              <a:ext uri="{FF2B5EF4-FFF2-40B4-BE49-F238E27FC236}">
                <a16:creationId xmlns:a16="http://schemas.microsoft.com/office/drawing/2014/main" id="{5E402472-E597-495E-BF52-A5E9621E0CF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84070" y="11891692"/>
            <a:ext cx="1452807" cy="674893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29">
                <a:noFill/>
              </a:defRPr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pic>
        <p:nvPicPr>
          <p:cNvPr id="43" name="Picture 42" descr="A close up of a sign&#10;&#10;Description automatically generated">
            <a:extLst>
              <a:ext uri="{FF2B5EF4-FFF2-40B4-BE49-F238E27FC236}">
                <a16:creationId xmlns:a16="http://schemas.microsoft.com/office/drawing/2014/main" id="{74C85EE8-6C66-4F5C-81AC-6564D686E15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61045" y="580668"/>
            <a:ext cx="1001529" cy="1353117"/>
          </a:xfrm>
          <a:prstGeom prst="rect">
            <a:avLst/>
          </a:prstGeom>
        </p:spPr>
      </p:pic>
      <p:sp>
        <p:nvSpPr>
          <p:cNvPr id="11" name="date" descr="{&quot;templafy&quot;:{&quot;binding&quot;:&quot;Form.Date&quot;,&quot;format&quot;:&quot;{{DateFormats.GeneralDate}}&quot;,&quot;type&quot;:&quot;date&quot;}}" title="Form.Date">
            <a:extLst>
              <a:ext uri="{FF2B5EF4-FFF2-40B4-BE49-F238E27FC236}">
                <a16:creationId xmlns:a16="http://schemas.microsoft.com/office/drawing/2014/main" id="{D3E86DBF-1CBA-412E-9F16-C01F32DF081A}"/>
              </a:ext>
            </a:extLst>
          </p:cNvPr>
          <p:cNvSpPr txBox="1"/>
          <p:nvPr userDrawn="1"/>
        </p:nvSpPr>
        <p:spPr>
          <a:xfrm>
            <a:off x="510462" y="8425992"/>
            <a:ext cx="3830008" cy="178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1163" b="1" dirty="0">
              <a:solidFill>
                <a:schemeClr val="tx2"/>
              </a:solidFill>
              <a:latin typeface="+mn-lt"/>
            </a:endParaRPr>
          </a:p>
        </p:txBody>
      </p:sp>
      <p:sp>
        <p:nvSpPr>
          <p:cNvPr id="4" name="Text Placeholder 3" descr="{&quot;templafy&quot;:{&quot;id&quot;:&quot;090ba3db-b6f7-473b-b48a-b93b8cf28d97&quot;}}">
            <a:extLst>
              <a:ext uri="{FF2B5EF4-FFF2-40B4-BE49-F238E27FC236}">
                <a16:creationId xmlns:a16="http://schemas.microsoft.com/office/drawing/2014/main" id="{345010C0-D821-4BD3-A937-548F49F8A7D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10064" y="8885606"/>
            <a:ext cx="3830478" cy="459613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Presented by:</a:t>
            </a:r>
            <a:endParaRPr lang="en-GB"/>
          </a:p>
        </p:txBody>
      </p:sp>
      <p:sp>
        <p:nvSpPr>
          <p:cNvPr id="16" name="Text Placeholder 3" descr="{&quot;templafy&quot;:{&quot;id&quot;:&quot;6cc726cc-bc68-4742-9b8e-2c0c6fb9a14d&quot;}}">
            <a:extLst>
              <a:ext uri="{FF2B5EF4-FFF2-40B4-BE49-F238E27FC236}">
                <a16:creationId xmlns:a16="http://schemas.microsoft.com/office/drawing/2014/main" id="{301EB625-C77C-44CF-9F22-69F0943C7AF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0064" y="9340144"/>
            <a:ext cx="3830478" cy="453389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Presented to:</a:t>
            </a:r>
            <a:endParaRPr lang="en-GB"/>
          </a:p>
        </p:txBody>
      </p:sp>
      <p:sp>
        <p:nvSpPr>
          <p:cNvPr id="17" name="Text Placeholder 4" descr="{&quot;templafy&quot;:{&quot;id&quot;:&quot;b79bb544-fbb2-4eb5-a808-6a4165b843b5&quot;}}">
            <a:extLst>
              <a:ext uri="{FF2B5EF4-FFF2-40B4-BE49-F238E27FC236}">
                <a16:creationId xmlns:a16="http://schemas.microsoft.com/office/drawing/2014/main" id="{A53AA8B7-7389-4FDE-A58A-B0AA817786C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10064" y="6096977"/>
            <a:ext cx="4023285" cy="959843"/>
          </a:xfrm>
        </p:spPr>
        <p:txBody>
          <a:bodyPr tIns="91440" anchor="t"/>
          <a:lstStyle>
            <a:lvl1pPr marL="0" indent="0">
              <a:buNone/>
              <a:defRPr sz="2035">
                <a:solidFill>
                  <a:schemeClr val="accent3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subtit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60515013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 Negativ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a394c6aa-c8f7-4ddd-bbd4-7a0f3d08ddd0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3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d0437f71-96e9-44bd-96f4-9dc74546aabe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f8b3d8a2-ea65-4cfe-826d-ae5b5915bb5f&quot;}}"/>
          <p:cNvSpPr>
            <a:spLocks noGrp="1"/>
          </p:cNvSpPr>
          <p:nvPr>
            <p:ph idx="1" hasCustomPrompt="1"/>
          </p:nvPr>
        </p:nvSpPr>
        <p:spPr>
          <a:xfrm>
            <a:off x="510301" y="3816960"/>
            <a:ext cx="4935735" cy="77683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7pPr>
              <a:defRPr>
                <a:solidFill>
                  <a:schemeClr val="accent3"/>
                </a:solidFill>
              </a:defRPr>
            </a:lvl7pPr>
            <a:lvl9pPr>
              <a:defRPr>
                <a:solidFill>
                  <a:schemeClr val="accent3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cb82a082-f153-4f32-9539-d180a6f7ff30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ecbd7da6-247f-40a1-96fe-45e2447dd249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614453" y="3819739"/>
            <a:ext cx="3475434" cy="776986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7pPr>
              <a:defRPr>
                <a:solidFill>
                  <a:schemeClr val="accent3"/>
                </a:solidFill>
              </a:defRPr>
            </a:lvl7pPr>
            <a:lvl9pPr>
              <a:defRPr>
                <a:solidFill>
                  <a:schemeClr val="accent3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0038BA6A-37B6-4569-A9D9-C40169CA408E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035935488"/>
      </p:ext>
    </p:extLst>
  </p:cSld>
  <p:clrMapOvr>
    <a:overrideClrMapping bg1="dk1" tx1="lt1" bg2="accent1" tx2="accent1" accent1="lt2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0ac2699e-2d2b-4206-9bac-b4df25d0e1f8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e780ee8a-de5f-4f30-b680-d402723c44b4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96f8077f-5045-4d82-b472-4a81f6c134d3&quot;}}"/>
          <p:cNvSpPr>
            <a:spLocks noGrp="1"/>
          </p:cNvSpPr>
          <p:nvPr>
            <p:ph idx="1" hasCustomPrompt="1"/>
          </p:nvPr>
        </p:nvSpPr>
        <p:spPr>
          <a:xfrm>
            <a:off x="510301" y="3816960"/>
            <a:ext cx="2747115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298a49ef-8c3f-44d9-bb8b-c95dd20aebfd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0955c802-bb61-41b4-bd2a-720785f1fa44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155519" y="3819739"/>
            <a:ext cx="4934367" cy="776986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1556712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C Negativ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c220781b-409e-4467-b725-e52b71db0e94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3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b93429b1-d245-4103-997a-4901d8fb8bd3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16047371-9c11-41dd-9b6c-309bd3784c56&quot;}}"/>
          <p:cNvSpPr>
            <a:spLocks noGrp="1"/>
          </p:cNvSpPr>
          <p:nvPr>
            <p:ph idx="1" hasCustomPrompt="1"/>
          </p:nvPr>
        </p:nvSpPr>
        <p:spPr>
          <a:xfrm>
            <a:off x="510301" y="3816960"/>
            <a:ext cx="2747115" cy="776832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7pPr>
              <a:defRPr>
                <a:solidFill>
                  <a:schemeClr val="accent3"/>
                </a:solidFill>
              </a:defRPr>
            </a:lvl7pPr>
            <a:lvl9pPr>
              <a:defRPr>
                <a:solidFill>
                  <a:schemeClr val="accent3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c77475eb-15b8-4dd2-a8e4-73b951cfb42f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13b0dcf1-d1bd-41c3-a8bb-d0bea7ac1baf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155519" y="3819739"/>
            <a:ext cx="4934367" cy="776986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7pPr>
              <a:defRPr>
                <a:solidFill>
                  <a:schemeClr val="accent3"/>
                </a:solidFill>
              </a:defRPr>
            </a:lvl7pPr>
            <a:lvl9pPr>
              <a:defRPr>
                <a:solidFill>
                  <a:schemeClr val="accent3"/>
                </a:solidFill>
              </a:defRPr>
            </a:lvl9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92ECD9F-BC02-4C8A-839F-9AC4F4BD0167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35182509"/>
      </p:ext>
    </p:extLst>
  </p:cSld>
  <p:clrMapOvr>
    <a:overrideClrMapping bg1="dk1" tx1="lt1" bg2="accent1" tx2="accent1" accent1="lt2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 descr="{&quot;templafy&quot;:{&quot;id&quot;:&quot;fbaac4a7-3550-4096-97d2-4c203a3dc93a&quot;}}">
            <a:extLst>
              <a:ext uri="{FF2B5EF4-FFF2-40B4-BE49-F238E27FC236}">
                <a16:creationId xmlns:a16="http://schemas.microsoft.com/office/drawing/2014/main" id="{10ABF3D8-B17A-48A6-B75D-E2CFABE31CD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885611" y="0"/>
            <a:ext cx="4715589" cy="12801600"/>
          </a:xfrm>
        </p:spPr>
        <p:txBody>
          <a:bodyPr bIns="720000" anchor="ctr"/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tx2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11" name="Text Placeholder 10" descr="{&quot;templafy&quot;:{&quot;id&quot;:&quot;76df3ded-0a9f-44e6-aa6c-f6663c449a97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5" y="1209040"/>
            <a:ext cx="4203972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d735481e-6c03-4371-b18c-8c68dcc670bb&quot;}}"/>
          <p:cNvSpPr>
            <a:spLocks noGrp="1"/>
          </p:cNvSpPr>
          <p:nvPr>
            <p:ph type="title" hasCustomPrompt="1"/>
          </p:nvPr>
        </p:nvSpPr>
        <p:spPr>
          <a:xfrm>
            <a:off x="510302" y="1982400"/>
            <a:ext cx="4204039" cy="1559040"/>
          </a:xfr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551a73db-90b5-4936-a8fa-d8f29eb6cd2a&quot;}}"/>
          <p:cNvSpPr>
            <a:spLocks noGrp="1"/>
          </p:cNvSpPr>
          <p:nvPr>
            <p:ph idx="1" hasCustomPrompt="1"/>
          </p:nvPr>
        </p:nvSpPr>
        <p:spPr>
          <a:xfrm>
            <a:off x="510300" y="3816960"/>
            <a:ext cx="3475710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1d09df78-88ba-4c45-aff5-2ac4834c6e35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10" name="Text Placeholder 9" descr="{&quot;templafy&quot;:{&quot;id&quot;:&quot;a5d39925-0b94-4112-bcba-054b17c4dc71&quot;}}">
            <a:extLst>
              <a:ext uri="{FF2B5EF4-FFF2-40B4-BE49-F238E27FC236}">
                <a16:creationId xmlns:a16="http://schemas.microsoft.com/office/drawing/2014/main" id="{6C7EFB78-A8A0-425B-909A-78358980B831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14339" y="7936320"/>
            <a:ext cx="4887540" cy="3648960"/>
          </a:xfrm>
          <a:solidFill>
            <a:schemeClr val="tx2"/>
          </a:solidFill>
        </p:spPr>
        <p:txBody>
          <a:bodyPr lIns="432000" tIns="396000" rIns="648000" bIns="360000" anchor="ctr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0567552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 descr="{&quot;templafy&quot;:{&quot;id&quot;:&quot;fc23c2c9-3728-4e2f-aa36-21825a7789fc&quot;}}">
            <a:extLst>
              <a:ext uri="{FF2B5EF4-FFF2-40B4-BE49-F238E27FC236}">
                <a16:creationId xmlns:a16="http://schemas.microsoft.com/office/drawing/2014/main" id="{10ABF3D8-B17A-48A6-B75D-E2CFABE31CD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343786" y="0"/>
            <a:ext cx="3257415" cy="12801600"/>
          </a:xfrm>
        </p:spPr>
        <p:txBody>
          <a:bodyPr bIns="720000" anchor="ctr"/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tx2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11" name="Text Placeholder 10" descr="{&quot;templafy&quot;:{&quot;id&quot;:&quot;89ebc1a4-5958-49f6-bee7-3769f0ddfde8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4932900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d46fc12c-f0c6-4a0c-9a4e-4faca62d5645&quot;}}"/>
          <p:cNvSpPr>
            <a:spLocks noGrp="1"/>
          </p:cNvSpPr>
          <p:nvPr>
            <p:ph type="title" hasCustomPrompt="1"/>
          </p:nvPr>
        </p:nvSpPr>
        <p:spPr>
          <a:xfrm>
            <a:off x="510299" y="1982400"/>
            <a:ext cx="4932900" cy="1559040"/>
          </a:xfr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0642b72c-41a0-4d97-b7e0-403595e921df&quot;}}"/>
          <p:cNvSpPr>
            <a:spLocks noGrp="1"/>
          </p:cNvSpPr>
          <p:nvPr>
            <p:ph idx="1" hasCustomPrompt="1"/>
          </p:nvPr>
        </p:nvSpPr>
        <p:spPr>
          <a:xfrm>
            <a:off x="510300" y="3816960"/>
            <a:ext cx="4932900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15014e7e-a568-479d-8b88-c3fc8c387089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12" name="Text Placeholder 9" descr="{&quot;templafy&quot;:{&quot;id&quot;:&quot;c10e5c69-4b49-4ad8-bda0-1b21c7f85168&quot;}}">
            <a:extLst>
              <a:ext uri="{FF2B5EF4-FFF2-40B4-BE49-F238E27FC236}">
                <a16:creationId xmlns:a16="http://schemas.microsoft.com/office/drawing/2014/main" id="{3A346A15-371C-41B0-A096-79CCC3E99BE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6173272" y="7936320"/>
            <a:ext cx="3427929" cy="3648960"/>
          </a:xfrm>
          <a:solidFill>
            <a:schemeClr val="tx2"/>
          </a:solidFill>
        </p:spPr>
        <p:txBody>
          <a:bodyPr lIns="432000" tIns="396000" rIns="648000" bIns="360000" anchor="ctr"/>
          <a:lstStyle>
            <a:lvl1pPr algn="l">
              <a:defRPr>
                <a:solidFill>
                  <a:schemeClr val="bg1"/>
                </a:solidFill>
              </a:defRPr>
            </a:lvl1pPr>
            <a:lvl2pPr algn="l">
              <a:defRPr>
                <a:solidFill>
                  <a:schemeClr val="bg1"/>
                </a:solidFill>
              </a:defRPr>
            </a:lvl2pPr>
            <a:lvl3pPr algn="l">
              <a:defRPr>
                <a:solidFill>
                  <a:schemeClr val="bg1"/>
                </a:solidFill>
              </a:defRPr>
            </a:lvl3pPr>
            <a:lvl4pPr algn="l">
              <a:defRPr>
                <a:solidFill>
                  <a:schemeClr val="bg1"/>
                </a:solidFill>
              </a:defRPr>
            </a:lvl4pPr>
            <a:lvl5pPr algn="l"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7199145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 descr="{&quot;templafy&quot;:{&quot;id&quot;:&quot;c7c7c3f7-c144-425c-b9f8-c9c806280a6c&quot;}}">
            <a:extLst>
              <a:ext uri="{FF2B5EF4-FFF2-40B4-BE49-F238E27FC236}">
                <a16:creationId xmlns:a16="http://schemas.microsoft.com/office/drawing/2014/main" id="{10ABF3D8-B17A-48A6-B75D-E2CFABE31CD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0"/>
            <a:ext cx="3986010" cy="12801600"/>
          </a:xfrm>
        </p:spPr>
        <p:txBody>
          <a:bodyPr bIns="720000" anchor="ctr"/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tx2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11" name="Text Placeholder 10" descr="{&quot;templafy&quot;:{&quot;id&quot;:&quot;44e7bde5-28eb-4849-bc23-fa6a539d4013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884469" y="1209040"/>
            <a:ext cx="4204305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5941f996-f303-46ec-878e-4f4ef47be6d4&quot;}}"/>
          <p:cNvSpPr>
            <a:spLocks noGrp="1"/>
          </p:cNvSpPr>
          <p:nvPr>
            <p:ph type="title" hasCustomPrompt="1"/>
          </p:nvPr>
        </p:nvSpPr>
        <p:spPr>
          <a:xfrm>
            <a:off x="4884704" y="1982400"/>
            <a:ext cx="4204305" cy="1559040"/>
          </a:xfr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f8c14a56-ec27-4fcc-9c8c-734b18c0aa50&quot;}}"/>
          <p:cNvSpPr>
            <a:spLocks noGrp="1"/>
          </p:cNvSpPr>
          <p:nvPr>
            <p:ph idx="1" hasCustomPrompt="1"/>
          </p:nvPr>
        </p:nvSpPr>
        <p:spPr>
          <a:xfrm>
            <a:off x="4884706" y="3816960"/>
            <a:ext cx="4204305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cd12bc01-b90d-49fe-85ed-173404460c80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0" y="11961600"/>
            <a:ext cx="2746358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c4a0f9e8-f4d5-49c1-8d72-11adadf05a37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0" y="1229760"/>
            <a:ext cx="4156110" cy="3662400"/>
          </a:xfrm>
          <a:solidFill>
            <a:schemeClr val="tx2"/>
          </a:solidFill>
        </p:spPr>
        <p:txBody>
          <a:bodyPr lIns="432000" tIns="396000" rIns="648000" bIns="360000" anchor="ctr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1392722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icture Placeholder 5" descr="{&quot;templafy&quot;:{&quot;id&quot;:&quot;4953de78-9b85-4243-af47-b595f8dcaad4&quot;}}">
            <a:extLst>
              <a:ext uri="{FF2B5EF4-FFF2-40B4-BE49-F238E27FC236}">
                <a16:creationId xmlns:a16="http://schemas.microsoft.com/office/drawing/2014/main" id="{10ABF3D8-B17A-48A6-B75D-E2CFABE31CD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0"/>
            <a:ext cx="4717440" cy="12801600"/>
          </a:xfrm>
        </p:spPr>
        <p:txBody>
          <a:bodyPr bIns="720000" anchor="ctr"/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tx2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11" name="Text Placeholder 10" descr="{&quot;templafy&quot;:{&quot;id&quot;:&quot;c5f306ea-b54f-4813-8bc6-a51069441dcd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613300" y="1209040"/>
            <a:ext cx="3475710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02f9b17e-f3ad-403a-9a3a-d091bb108170&quot;}}"/>
          <p:cNvSpPr>
            <a:spLocks noGrp="1"/>
          </p:cNvSpPr>
          <p:nvPr>
            <p:ph type="title" hasCustomPrompt="1"/>
          </p:nvPr>
        </p:nvSpPr>
        <p:spPr>
          <a:xfrm>
            <a:off x="5613300" y="1982400"/>
            <a:ext cx="3475710" cy="1559040"/>
          </a:xfrm>
        </p:spPr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d300b67b-fad6-4c64-a8bd-aff50eba75b6&quot;}}"/>
          <p:cNvSpPr>
            <a:spLocks noGrp="1"/>
          </p:cNvSpPr>
          <p:nvPr>
            <p:ph idx="1" hasCustomPrompt="1"/>
          </p:nvPr>
        </p:nvSpPr>
        <p:spPr>
          <a:xfrm>
            <a:off x="5613300" y="3816960"/>
            <a:ext cx="3475710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ab8218e3-65af-4cd6-8c4a-c699e6128d35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0" y="11961600"/>
            <a:ext cx="2746358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794170" y="463680"/>
            <a:ext cx="294840" cy="336000"/>
          </a:xfrm>
        </p:spPr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6beb7e3d-c518-4b0d-b196-9839de0c4261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" y="1229760"/>
            <a:ext cx="4884705" cy="3662400"/>
          </a:xfrm>
          <a:solidFill>
            <a:schemeClr val="tx2"/>
          </a:solidFill>
        </p:spPr>
        <p:txBody>
          <a:bodyPr lIns="432000" tIns="396000" rIns="648000" bIns="360000" anchor="ctr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2733454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68C45125-9950-48C5-BE2B-5A54D7E1387B}"/>
              </a:ext>
            </a:extLst>
          </p:cNvPr>
          <p:cNvSpPr txBox="1"/>
          <p:nvPr userDrawn="1"/>
        </p:nvSpPr>
        <p:spPr>
          <a:xfrm>
            <a:off x="510064" y="167967"/>
            <a:ext cx="3046250" cy="22261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4466" dirty="0">
                <a:solidFill>
                  <a:schemeClr val="tx2"/>
                </a:solidFill>
              </a:rPr>
              <a:t>“</a:t>
            </a:r>
            <a:endParaRPr lang="en-GB" sz="1309"/>
          </a:p>
        </p:txBody>
      </p:sp>
      <p:sp>
        <p:nvSpPr>
          <p:cNvPr id="2" name="Title 1" descr="{&quot;templafy&quot;:{&quot;id&quot;:&quot;076d7ee7-2fc1-4731-94ce-1dc8ae4f66ea&quot;}}"/>
          <p:cNvSpPr>
            <a:spLocks noGrp="1"/>
          </p:cNvSpPr>
          <p:nvPr>
            <p:ph type="title" hasCustomPrompt="1"/>
          </p:nvPr>
        </p:nvSpPr>
        <p:spPr>
          <a:xfrm>
            <a:off x="510301" y="2943360"/>
            <a:ext cx="7118685" cy="531552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quote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Text Placeholder 4" descr="{&quot;templafy&quot;:{&quot;id&quot;:&quot;26a2c37e-0a99-4b13-8a43-e7c02c0fd078&quot;}}">
            <a:extLst>
              <a:ext uri="{FF2B5EF4-FFF2-40B4-BE49-F238E27FC236}">
                <a16:creationId xmlns:a16="http://schemas.microsoft.com/office/drawing/2014/main" id="{B77F94BD-6275-4D89-81F8-9C249242B26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9166080"/>
            <a:ext cx="4553010" cy="1209600"/>
          </a:xfrm>
          <a:solidFill>
            <a:schemeClr val="accent3"/>
          </a:solidFill>
        </p:spPr>
        <p:txBody>
          <a:bodyPr vert="horz" lIns="648000" tIns="0" rIns="0" bIns="0" rtlCol="0" anchor="ctr">
            <a:noAutofit/>
          </a:bodyPr>
          <a:lstStyle>
            <a:lvl1pPr marL="0" indent="0">
              <a:buFont typeface="Arial" panose="020B0604020202020204" pitchFamily="34" charset="0"/>
              <a:buChar char="​"/>
              <a:defRPr lang="en-US" sz="2035" dirty="0" smtClean="0">
                <a:solidFill>
                  <a:schemeClr val="tx2"/>
                </a:solidFill>
                <a:latin typeface="+mj-lt"/>
              </a:defRPr>
            </a:lvl1pPr>
            <a:lvl2pPr marL="157014" indent="0">
              <a:buNone/>
              <a:defRPr lang="en-US" dirty="0" smtClean="0">
                <a:solidFill>
                  <a:schemeClr val="tx2"/>
                </a:solidFill>
              </a:defRPr>
            </a:lvl2pPr>
            <a:lvl3pPr>
              <a:defRPr lang="en-US" dirty="0" smtClean="0">
                <a:solidFill>
                  <a:schemeClr val="tx2"/>
                </a:solidFill>
              </a:defRPr>
            </a:lvl3pPr>
            <a:lvl4pPr>
              <a:defRPr lang="en-US" dirty="0" smtClean="0"/>
            </a:lvl4pPr>
            <a:lvl5pPr>
              <a:defRPr lang="en-GB" dirty="0">
                <a:solidFill>
                  <a:schemeClr val="tx2"/>
                </a:solidFill>
              </a:defRPr>
            </a:lvl5pPr>
          </a:lstStyle>
          <a:p>
            <a:pPr marL="157014" lvl="0" indent="-157014"/>
            <a:r>
              <a:rPr lang="en-GB" dirty="0"/>
              <a:t>Click to add nam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5325241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68C45125-9950-48C5-BE2B-5A54D7E1387B}"/>
              </a:ext>
            </a:extLst>
          </p:cNvPr>
          <p:cNvSpPr txBox="1"/>
          <p:nvPr userDrawn="1"/>
        </p:nvSpPr>
        <p:spPr>
          <a:xfrm>
            <a:off x="510064" y="167967"/>
            <a:ext cx="3046250" cy="22261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4466" dirty="0">
                <a:solidFill>
                  <a:schemeClr val="tx2"/>
                </a:solidFill>
              </a:rPr>
              <a:t>“</a:t>
            </a:r>
            <a:endParaRPr lang="en-GB" sz="1309"/>
          </a:p>
        </p:txBody>
      </p:sp>
      <p:sp>
        <p:nvSpPr>
          <p:cNvPr id="2" name="Title 1" descr="{&quot;templafy&quot;:{&quot;id&quot;:&quot;b8900ce0-b40e-4afb-9d71-4b81b89a56c5&quot;}}"/>
          <p:cNvSpPr>
            <a:spLocks noGrp="1"/>
          </p:cNvSpPr>
          <p:nvPr>
            <p:ph type="title" hasCustomPrompt="1"/>
          </p:nvPr>
        </p:nvSpPr>
        <p:spPr>
          <a:xfrm>
            <a:off x="510301" y="2943360"/>
            <a:ext cx="7118685" cy="531552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quote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Text Placeholder 4" descr="{&quot;templafy&quot;:{&quot;id&quot;:&quot;0e5c1778-6194-4e9f-80ef-231dcdd72433&quot;}}">
            <a:extLst>
              <a:ext uri="{FF2B5EF4-FFF2-40B4-BE49-F238E27FC236}">
                <a16:creationId xmlns:a16="http://schemas.microsoft.com/office/drawing/2014/main" id="{B77F94BD-6275-4D89-81F8-9C249242B26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9166080"/>
            <a:ext cx="4553010" cy="1209600"/>
          </a:xfrm>
          <a:solidFill>
            <a:schemeClr val="bg1"/>
          </a:solidFill>
        </p:spPr>
        <p:txBody>
          <a:bodyPr vert="horz" lIns="648000" tIns="0" rIns="0" bIns="0" rtlCol="0" anchor="ctr">
            <a:noAutofit/>
          </a:bodyPr>
          <a:lstStyle>
            <a:lvl1pPr marL="0" indent="0">
              <a:buFont typeface="Arial" panose="020B0604020202020204" pitchFamily="34" charset="0"/>
              <a:buChar char="​"/>
              <a:defRPr lang="en-US" sz="2035" dirty="0" smtClean="0">
                <a:solidFill>
                  <a:schemeClr val="tx2"/>
                </a:solidFill>
                <a:latin typeface="+mj-lt"/>
              </a:defRPr>
            </a:lvl1pPr>
            <a:lvl2pPr marL="157014" indent="0">
              <a:buNone/>
              <a:defRPr lang="en-US" dirty="0" smtClean="0">
                <a:solidFill>
                  <a:schemeClr val="tx2"/>
                </a:solidFill>
              </a:defRPr>
            </a:lvl2pPr>
            <a:lvl3pPr>
              <a:defRPr lang="en-US" dirty="0" smtClean="0">
                <a:solidFill>
                  <a:schemeClr val="tx2"/>
                </a:solidFill>
              </a:defRPr>
            </a:lvl3pPr>
            <a:lvl4pPr>
              <a:defRPr lang="en-US" dirty="0" smtClean="0"/>
            </a:lvl4pPr>
            <a:lvl5pPr>
              <a:defRPr lang="en-GB" dirty="0">
                <a:solidFill>
                  <a:schemeClr val="tx2"/>
                </a:solidFill>
              </a:defRPr>
            </a:lvl5pPr>
          </a:lstStyle>
          <a:p>
            <a:pPr marL="157014" lvl="0" indent="-157014"/>
            <a:r>
              <a:rPr lang="en-GB" dirty="0"/>
              <a:t>Click to add nam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1535726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Negativ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68C45125-9950-48C5-BE2B-5A54D7E1387B}"/>
              </a:ext>
            </a:extLst>
          </p:cNvPr>
          <p:cNvSpPr txBox="1"/>
          <p:nvPr userDrawn="1"/>
        </p:nvSpPr>
        <p:spPr>
          <a:xfrm>
            <a:off x="510064" y="167967"/>
            <a:ext cx="3046250" cy="222612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4466" dirty="0">
                <a:solidFill>
                  <a:schemeClr val="accent3"/>
                </a:solidFill>
              </a:rPr>
              <a:t>“</a:t>
            </a:r>
            <a:endParaRPr lang="en-GB" sz="1309"/>
          </a:p>
        </p:txBody>
      </p:sp>
      <p:sp>
        <p:nvSpPr>
          <p:cNvPr id="2" name="Title 1" descr="{&quot;templafy&quot;:{&quot;id&quot;:&quot;2da50e18-113f-4891-8ff6-4c7b6cb93f2f&quot;}}"/>
          <p:cNvSpPr>
            <a:spLocks noGrp="1"/>
          </p:cNvSpPr>
          <p:nvPr>
            <p:ph type="title" hasCustomPrompt="1"/>
          </p:nvPr>
        </p:nvSpPr>
        <p:spPr>
          <a:xfrm>
            <a:off x="510301" y="2943360"/>
            <a:ext cx="7118685" cy="5315520"/>
          </a:xfrm>
        </p:spPr>
        <p:txBody>
          <a:bodyPr/>
          <a:lstStyle>
            <a:lvl1pPr>
              <a:defRPr>
                <a:solidFill>
                  <a:schemeClr val="accent3"/>
                </a:solidFill>
              </a:defRPr>
            </a:lvl1pPr>
          </a:lstStyle>
          <a:p>
            <a:r>
              <a:rPr lang="en-GB" noProof="0" dirty="0"/>
              <a:t>Click to add quote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Text Placeholder 4" descr="{&quot;templafy&quot;:{&quot;id&quot;:&quot;9e3e22e3-2caf-493c-972b-dad7dac5fb6a&quot;}}">
            <a:extLst>
              <a:ext uri="{FF2B5EF4-FFF2-40B4-BE49-F238E27FC236}">
                <a16:creationId xmlns:a16="http://schemas.microsoft.com/office/drawing/2014/main" id="{B77F94BD-6275-4D89-81F8-9C249242B260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0" y="9166080"/>
            <a:ext cx="4553010" cy="1209600"/>
          </a:xfrm>
          <a:solidFill>
            <a:schemeClr val="bg1"/>
          </a:solidFill>
        </p:spPr>
        <p:txBody>
          <a:bodyPr vert="horz" lIns="648000" tIns="0" rIns="0" bIns="0" rtlCol="0" anchor="ctr">
            <a:noAutofit/>
          </a:bodyPr>
          <a:lstStyle>
            <a:lvl1pPr marL="0" indent="0">
              <a:buFont typeface="Arial" panose="020B0604020202020204" pitchFamily="34" charset="0"/>
              <a:buChar char="​"/>
              <a:defRPr lang="en-US" sz="2035" dirty="0" smtClean="0">
                <a:solidFill>
                  <a:schemeClr val="tx2"/>
                </a:solidFill>
                <a:latin typeface="+mj-lt"/>
              </a:defRPr>
            </a:lvl1pPr>
            <a:lvl2pPr marL="157014" indent="0">
              <a:buNone/>
              <a:defRPr lang="en-US" dirty="0" smtClean="0">
                <a:solidFill>
                  <a:schemeClr val="tx2"/>
                </a:solidFill>
              </a:defRPr>
            </a:lvl2pPr>
            <a:lvl3pPr>
              <a:defRPr lang="en-US" dirty="0" smtClean="0">
                <a:solidFill>
                  <a:schemeClr val="tx2"/>
                </a:solidFill>
              </a:defRPr>
            </a:lvl3pPr>
            <a:lvl4pPr>
              <a:defRPr lang="en-US" dirty="0" smtClean="0"/>
            </a:lvl4pPr>
            <a:lvl5pPr>
              <a:defRPr lang="en-GB" dirty="0">
                <a:solidFill>
                  <a:schemeClr val="tx2"/>
                </a:solidFill>
              </a:defRPr>
            </a:lvl5pPr>
          </a:lstStyle>
          <a:p>
            <a:pPr marL="157014" lvl="0" indent="-157014"/>
            <a:r>
              <a:rPr lang="en-GB" dirty="0"/>
              <a:t>Click to add name</a:t>
            </a:r>
            <a:endParaRPr lang="en-GB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D0E7878-9FDC-49B7-8852-D4754F87880A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5005331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Picture Placeholder 23" descr="{&quot;templafy&quot;:{&quot;id&quot;:&quot;fd2a0b85-d36c-4bf5-afa6-f15df785a270&quot;}}">
            <a:extLst>
              <a:ext uri="{FF2B5EF4-FFF2-40B4-BE49-F238E27FC236}">
                <a16:creationId xmlns:a16="http://schemas.microsoft.com/office/drawing/2014/main" id="{8E2D1B06-1447-4CFF-9AB2-DAE8C97B0E9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714341" y="-1"/>
            <a:ext cx="4886861" cy="12801601"/>
          </a:xfrm>
          <a:custGeom>
            <a:avLst/>
            <a:gdLst>
              <a:gd name="connsiteX0" fmla="*/ 111916 w 6205538"/>
              <a:gd name="connsiteY0" fmla="*/ 6545780 h 6858001"/>
              <a:gd name="connsiteX1" fmla="*/ 6205538 w 6205538"/>
              <a:gd name="connsiteY1" fmla="*/ 6545780 h 6858001"/>
              <a:gd name="connsiteX2" fmla="*/ 6205538 w 6205538"/>
              <a:gd name="connsiteY2" fmla="*/ 6858001 h 6858001"/>
              <a:gd name="connsiteX3" fmla="*/ 2 w 6205538"/>
              <a:gd name="connsiteY3" fmla="*/ 6858001 h 6858001"/>
              <a:gd name="connsiteX4" fmla="*/ 2 w 6205538"/>
              <a:gd name="connsiteY4" fmla="*/ 6546192 h 6858001"/>
              <a:gd name="connsiteX5" fmla="*/ 111916 w 6205538"/>
              <a:gd name="connsiteY5" fmla="*/ 6546192 h 6858001"/>
              <a:gd name="connsiteX6" fmla="*/ 4706313 w 6205538"/>
              <a:gd name="connsiteY6" fmla="*/ 311073 h 6858001"/>
              <a:gd name="connsiteX7" fmla="*/ 4630737 w 6205538"/>
              <a:gd name="connsiteY7" fmla="*/ 386649 h 6858001"/>
              <a:gd name="connsiteX8" fmla="*/ 4630737 w 6205538"/>
              <a:gd name="connsiteY8" fmla="*/ 960381 h 6858001"/>
              <a:gd name="connsiteX9" fmla="*/ 4706313 w 6205538"/>
              <a:gd name="connsiteY9" fmla="*/ 1035957 h 6858001"/>
              <a:gd name="connsiteX10" fmla="*/ 5826943 w 6205538"/>
              <a:gd name="connsiteY10" fmla="*/ 1035957 h 6858001"/>
              <a:gd name="connsiteX11" fmla="*/ 5902519 w 6205538"/>
              <a:gd name="connsiteY11" fmla="*/ 960381 h 6858001"/>
              <a:gd name="connsiteX12" fmla="*/ 5902519 w 6205538"/>
              <a:gd name="connsiteY12" fmla="*/ 386649 h 6858001"/>
              <a:gd name="connsiteX13" fmla="*/ 5826943 w 6205538"/>
              <a:gd name="connsiteY13" fmla="*/ 311073 h 6858001"/>
              <a:gd name="connsiteX14" fmla="*/ 0 w 6205538"/>
              <a:gd name="connsiteY14" fmla="*/ 0 h 6858001"/>
              <a:gd name="connsiteX15" fmla="*/ 14287 w 6205538"/>
              <a:gd name="connsiteY15" fmla="*/ 0 h 6858001"/>
              <a:gd name="connsiteX16" fmla="*/ 14287 w 6205538"/>
              <a:gd name="connsiteY16" fmla="*/ 1 h 6858001"/>
              <a:gd name="connsiteX17" fmla="*/ 6205538 w 6205538"/>
              <a:gd name="connsiteY17" fmla="*/ 1 h 6858001"/>
              <a:gd name="connsiteX18" fmla="*/ 6205538 w 6205538"/>
              <a:gd name="connsiteY18" fmla="*/ 6531380 h 6858001"/>
              <a:gd name="connsiteX19" fmla="*/ 14287 w 6205538"/>
              <a:gd name="connsiteY19" fmla="*/ 6531380 h 6858001"/>
              <a:gd name="connsiteX20" fmla="*/ 14287 w 6205538"/>
              <a:gd name="connsiteY20" fmla="*/ 6531792 h 6858001"/>
              <a:gd name="connsiteX21" fmla="*/ 2 w 6205538"/>
              <a:gd name="connsiteY21" fmla="*/ 6531792 h 6858001"/>
              <a:gd name="connsiteX22" fmla="*/ 2 w 6205538"/>
              <a:gd name="connsiteY22" fmla="*/ 5563739 h 6858001"/>
              <a:gd name="connsiteX23" fmla="*/ 219076 w 6205538"/>
              <a:gd name="connsiteY23" fmla="*/ 5563739 h 6858001"/>
              <a:gd name="connsiteX24" fmla="*/ 219076 w 6205538"/>
              <a:gd name="connsiteY24" fmla="*/ 5558976 h 6858001"/>
              <a:gd name="connsiteX25" fmla="*/ 219076 w 6205538"/>
              <a:gd name="connsiteY25" fmla="*/ 4271223 h 6858001"/>
              <a:gd name="connsiteX26" fmla="*/ 219076 w 6205538"/>
              <a:gd name="connsiteY26" fmla="*/ 4266460 h 6858001"/>
              <a:gd name="connsiteX27" fmla="*/ 2 w 6205538"/>
              <a:gd name="connsiteY27" fmla="*/ 4266460 h 6858001"/>
              <a:gd name="connsiteX28" fmla="*/ 2 w 6205538"/>
              <a:gd name="connsiteY28" fmla="*/ 1 h 6858001"/>
              <a:gd name="connsiteX29" fmla="*/ 0 w 6205538"/>
              <a:gd name="connsiteY29" fmla="*/ 1 h 68580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</a:cxnLst>
            <a:rect l="l" t="t" r="r" b="b"/>
            <a:pathLst>
              <a:path w="6205538" h="6858001">
                <a:moveTo>
                  <a:pt x="111916" y="6545780"/>
                </a:moveTo>
                <a:lnTo>
                  <a:pt x="6205538" y="6545780"/>
                </a:lnTo>
                <a:lnTo>
                  <a:pt x="6205538" y="6858001"/>
                </a:lnTo>
                <a:lnTo>
                  <a:pt x="2" y="6858001"/>
                </a:lnTo>
                <a:lnTo>
                  <a:pt x="2" y="6546192"/>
                </a:lnTo>
                <a:lnTo>
                  <a:pt x="111916" y="6546192"/>
                </a:lnTo>
                <a:close/>
                <a:moveTo>
                  <a:pt x="4706313" y="311073"/>
                </a:moveTo>
                <a:cubicBezTo>
                  <a:pt x="4664574" y="311073"/>
                  <a:pt x="4630737" y="344910"/>
                  <a:pt x="4630737" y="386649"/>
                </a:cubicBezTo>
                <a:lnTo>
                  <a:pt x="4630737" y="960381"/>
                </a:lnTo>
                <a:cubicBezTo>
                  <a:pt x="4630737" y="1002120"/>
                  <a:pt x="4664574" y="1035957"/>
                  <a:pt x="4706313" y="1035957"/>
                </a:cubicBezTo>
                <a:lnTo>
                  <a:pt x="5826943" y="1035957"/>
                </a:lnTo>
                <a:cubicBezTo>
                  <a:pt x="5868682" y="1035957"/>
                  <a:pt x="5902519" y="1002120"/>
                  <a:pt x="5902519" y="960381"/>
                </a:cubicBezTo>
                <a:lnTo>
                  <a:pt x="5902519" y="386649"/>
                </a:lnTo>
                <a:cubicBezTo>
                  <a:pt x="5902519" y="344910"/>
                  <a:pt x="5868682" y="311073"/>
                  <a:pt x="5826943" y="311073"/>
                </a:cubicBezTo>
                <a:close/>
                <a:moveTo>
                  <a:pt x="0" y="0"/>
                </a:moveTo>
                <a:lnTo>
                  <a:pt x="14287" y="0"/>
                </a:lnTo>
                <a:lnTo>
                  <a:pt x="14287" y="1"/>
                </a:lnTo>
                <a:lnTo>
                  <a:pt x="6205538" y="1"/>
                </a:lnTo>
                <a:lnTo>
                  <a:pt x="6205538" y="6531380"/>
                </a:lnTo>
                <a:lnTo>
                  <a:pt x="14287" y="6531380"/>
                </a:lnTo>
                <a:lnTo>
                  <a:pt x="14287" y="6531792"/>
                </a:lnTo>
                <a:lnTo>
                  <a:pt x="2" y="6531792"/>
                </a:lnTo>
                <a:lnTo>
                  <a:pt x="2" y="5563739"/>
                </a:lnTo>
                <a:lnTo>
                  <a:pt x="219076" y="5563739"/>
                </a:lnTo>
                <a:lnTo>
                  <a:pt x="219076" y="5558976"/>
                </a:lnTo>
                <a:lnTo>
                  <a:pt x="219076" y="4271223"/>
                </a:lnTo>
                <a:lnTo>
                  <a:pt x="219076" y="4266460"/>
                </a:lnTo>
                <a:lnTo>
                  <a:pt x="2" y="4266460"/>
                </a:lnTo>
                <a:lnTo>
                  <a:pt x="2" y="1"/>
                </a:lnTo>
                <a:lnTo>
                  <a:pt x="0" y="1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tIns="72000">
            <a:noAutofit/>
          </a:bodyPr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br>
              <a:rPr lang="en-US" dirty="0"/>
            </a:b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39" name="Freeform: Shape 38">
            <a:extLst>
              <a:ext uri="{FF2B5EF4-FFF2-40B4-BE49-F238E27FC236}">
                <a16:creationId xmlns:a16="http://schemas.microsoft.com/office/drawing/2014/main" id="{3DD94BF0-14F1-426B-8B17-7DF83736631F}"/>
              </a:ext>
            </a:extLst>
          </p:cNvPr>
          <p:cNvSpPr/>
          <p:nvPr userDrawn="1"/>
        </p:nvSpPr>
        <p:spPr>
          <a:xfrm>
            <a:off x="-2" y="4445"/>
            <a:ext cx="4714342" cy="12801601"/>
          </a:xfrm>
          <a:custGeom>
            <a:avLst/>
            <a:gdLst>
              <a:gd name="connsiteX0" fmla="*/ 0 w 5986465"/>
              <a:gd name="connsiteY0" fmla="*/ 4360915 h 6858001"/>
              <a:gd name="connsiteX1" fmla="*/ 1 w 5986465"/>
              <a:gd name="connsiteY1" fmla="*/ 4360915 h 6858001"/>
              <a:gd name="connsiteX2" fmla="*/ 1 w 5986465"/>
              <a:gd name="connsiteY2" fmla="*/ 5556595 h 6858001"/>
              <a:gd name="connsiteX3" fmla="*/ 3 w 5986465"/>
              <a:gd name="connsiteY3" fmla="*/ 5556595 h 6858001"/>
              <a:gd name="connsiteX4" fmla="*/ 3 w 5986465"/>
              <a:gd name="connsiteY4" fmla="*/ 5563496 h 6858001"/>
              <a:gd name="connsiteX5" fmla="*/ 5986465 w 5986465"/>
              <a:gd name="connsiteY5" fmla="*/ 5563496 h 6858001"/>
              <a:gd name="connsiteX6" fmla="*/ 5986465 w 5986465"/>
              <a:gd name="connsiteY6" fmla="*/ 6858001 h 6858001"/>
              <a:gd name="connsiteX7" fmla="*/ 0 w 5986465"/>
              <a:gd name="connsiteY7" fmla="*/ 6858001 h 6858001"/>
              <a:gd name="connsiteX8" fmla="*/ 0 w 5986465"/>
              <a:gd name="connsiteY8" fmla="*/ 0 h 6858001"/>
              <a:gd name="connsiteX9" fmla="*/ 5986465 w 5986465"/>
              <a:gd name="connsiteY9" fmla="*/ 0 h 6858001"/>
              <a:gd name="connsiteX10" fmla="*/ 5986465 w 5986465"/>
              <a:gd name="connsiteY10" fmla="*/ 4264079 h 6858001"/>
              <a:gd name="connsiteX11" fmla="*/ 1 w 5986465"/>
              <a:gd name="connsiteY11" fmla="*/ 4264079 h 6858001"/>
              <a:gd name="connsiteX12" fmla="*/ 1 w 5986465"/>
              <a:gd name="connsiteY12" fmla="*/ 4269217 h 6858001"/>
              <a:gd name="connsiteX13" fmla="*/ 0 w 5986465"/>
              <a:gd name="connsiteY13" fmla="*/ 4269217 h 68580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86465" h="6858001">
                <a:moveTo>
                  <a:pt x="0" y="4360915"/>
                </a:moveTo>
                <a:lnTo>
                  <a:pt x="1" y="4360915"/>
                </a:lnTo>
                <a:lnTo>
                  <a:pt x="1" y="5556595"/>
                </a:lnTo>
                <a:lnTo>
                  <a:pt x="3" y="5556595"/>
                </a:lnTo>
                <a:lnTo>
                  <a:pt x="3" y="5563496"/>
                </a:lnTo>
                <a:lnTo>
                  <a:pt x="5986465" y="5563496"/>
                </a:lnTo>
                <a:lnTo>
                  <a:pt x="5986465" y="6858001"/>
                </a:lnTo>
                <a:lnTo>
                  <a:pt x="0" y="6858001"/>
                </a:lnTo>
                <a:close/>
                <a:moveTo>
                  <a:pt x="0" y="0"/>
                </a:moveTo>
                <a:lnTo>
                  <a:pt x="5986465" y="0"/>
                </a:lnTo>
                <a:lnTo>
                  <a:pt x="5986465" y="4264079"/>
                </a:lnTo>
                <a:lnTo>
                  <a:pt x="1" y="4264079"/>
                </a:lnTo>
                <a:lnTo>
                  <a:pt x="1" y="4269217"/>
                </a:lnTo>
                <a:lnTo>
                  <a:pt x="0" y="4269217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 sz="1309" dirty="0"/>
          </a:p>
        </p:txBody>
      </p:sp>
      <p:pic>
        <p:nvPicPr>
          <p:cNvPr id="43" name="Picture 42" descr="A close up of a sign&#10;&#10;Description automatically generated">
            <a:extLst>
              <a:ext uri="{FF2B5EF4-FFF2-40B4-BE49-F238E27FC236}">
                <a16:creationId xmlns:a16="http://schemas.microsoft.com/office/drawing/2014/main" id="{74C85EE8-6C66-4F5C-81AC-6564D686E15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61045" y="580668"/>
            <a:ext cx="1001529" cy="1353117"/>
          </a:xfrm>
          <a:prstGeom prst="rect">
            <a:avLst/>
          </a:prstGeom>
        </p:spPr>
      </p:pic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C38F31F-AC62-4E93-B32F-8D23A52168C1}"/>
              </a:ext>
            </a:extLst>
          </p:cNvPr>
          <p:cNvCxnSpPr>
            <a:cxnSpLocks/>
          </p:cNvCxnSpPr>
          <p:nvPr userDrawn="1"/>
        </p:nvCxnSpPr>
        <p:spPr>
          <a:xfrm>
            <a:off x="254401" y="-14965"/>
            <a:ext cx="0" cy="7575824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FBF484C5-EEE2-4A10-AF61-B925E779D81B}"/>
              </a:ext>
            </a:extLst>
          </p:cNvPr>
          <p:cNvCxnSpPr>
            <a:cxnSpLocks/>
          </p:cNvCxnSpPr>
          <p:nvPr userDrawn="1"/>
        </p:nvCxnSpPr>
        <p:spPr>
          <a:xfrm flipH="1">
            <a:off x="1955691" y="12205688"/>
            <a:ext cx="7645509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505CD37C-1E88-4BE4-9BD4-35E03C1001A5}"/>
              </a:ext>
            </a:extLst>
          </p:cNvPr>
          <p:cNvCxnSpPr>
            <a:cxnSpLocks/>
          </p:cNvCxnSpPr>
          <p:nvPr userDrawn="1"/>
        </p:nvCxnSpPr>
        <p:spPr>
          <a:xfrm flipH="1">
            <a:off x="252476" y="12196800"/>
            <a:ext cx="227584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0064FE92-2605-4209-BCF6-8EE9F464CC27}"/>
              </a:ext>
            </a:extLst>
          </p:cNvPr>
          <p:cNvCxnSpPr>
            <a:cxnSpLocks/>
          </p:cNvCxnSpPr>
          <p:nvPr userDrawn="1"/>
        </p:nvCxnSpPr>
        <p:spPr>
          <a:xfrm>
            <a:off x="254401" y="10767871"/>
            <a:ext cx="0" cy="1442691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date" descr="{&quot;templafy&quot;:{&quot;binding&quot;:&quot;Form.Date&quot;,&quot;format&quot;:&quot;{{DateFormats.GeneralDate}}&quot;,&quot;type&quot;:&quot;date&quot;}}" title="Form.Date">
            <a:extLst>
              <a:ext uri="{FF2B5EF4-FFF2-40B4-BE49-F238E27FC236}">
                <a16:creationId xmlns:a16="http://schemas.microsoft.com/office/drawing/2014/main" id="{511A47CD-5114-4DD4-BD85-B1A5B922F9C2}"/>
              </a:ext>
            </a:extLst>
          </p:cNvPr>
          <p:cNvSpPr txBox="1"/>
          <p:nvPr userDrawn="1"/>
        </p:nvSpPr>
        <p:spPr>
          <a:xfrm>
            <a:off x="510462" y="8425992"/>
            <a:ext cx="3830008" cy="178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GB" sz="1163" b="1" dirty="0">
              <a:solidFill>
                <a:schemeClr val="tx2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B155562C-34B0-46C8-BB0F-05B7F7D25068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477685" y="11868278"/>
            <a:ext cx="1465748" cy="691416"/>
          </a:xfrm>
          <a:prstGeom prst="rect">
            <a:avLst/>
          </a:prstGeom>
        </p:spPr>
      </p:pic>
      <p:sp>
        <p:nvSpPr>
          <p:cNvPr id="20" name="Text Placeholder 3" descr="{&quot;templafy&quot;:{&quot;id&quot;:&quot;6f5419c3-70ed-497f-af2d-3d527e6a8bec&quot;}}">
            <a:extLst>
              <a:ext uri="{FF2B5EF4-FFF2-40B4-BE49-F238E27FC236}">
                <a16:creationId xmlns:a16="http://schemas.microsoft.com/office/drawing/2014/main" id="{5A3E2B83-D6AB-4AD9-9B4B-4519AFA5B4B1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10064" y="8885606"/>
            <a:ext cx="3830478" cy="459613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Presented by:</a:t>
            </a:r>
            <a:endParaRPr lang="en-GB"/>
          </a:p>
        </p:txBody>
      </p:sp>
      <p:sp>
        <p:nvSpPr>
          <p:cNvPr id="25" name="Text Placeholder 3" descr="{&quot;templafy&quot;:{&quot;id&quot;:&quot;75b31df9-3bfa-4f49-8903-4647f7d9dbbc&quot;}}">
            <a:extLst>
              <a:ext uri="{FF2B5EF4-FFF2-40B4-BE49-F238E27FC236}">
                <a16:creationId xmlns:a16="http://schemas.microsoft.com/office/drawing/2014/main" id="{D950E65F-D27B-4B37-82E6-065FC684AAB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510064" y="9340144"/>
            <a:ext cx="3830478" cy="453389"/>
          </a:xfrm>
        </p:spPr>
        <p:txBody>
          <a:bodyPr/>
          <a:lstStyle>
            <a:lvl1pPr marL="0" indent="0">
              <a:buNone/>
              <a:defRPr>
                <a:solidFill>
                  <a:schemeClr val="tx2"/>
                </a:solidFill>
              </a:defRPr>
            </a:lvl1pPr>
          </a:lstStyle>
          <a:p>
            <a:pPr lvl="0"/>
            <a:r>
              <a:rPr lang="en-GB" dirty="0"/>
              <a:t>Presented to:</a:t>
            </a:r>
            <a:endParaRPr lang="en-GB"/>
          </a:p>
        </p:txBody>
      </p:sp>
      <p:sp>
        <p:nvSpPr>
          <p:cNvPr id="26" name="Title 5" descr="{&quot;templafy&quot;:{&quot;id&quot;:&quot;c72aeeb5-8f80-44c7-8ac3-be2f1343a55f&quot;}}">
            <a:extLst>
              <a:ext uri="{FF2B5EF4-FFF2-40B4-BE49-F238E27FC236}">
                <a16:creationId xmlns:a16="http://schemas.microsoft.com/office/drawing/2014/main" id="{8909FCA8-D3F6-4E6C-8B13-8079153EB25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10300" y="3810852"/>
            <a:ext cx="4023048" cy="2241545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27" name="Text Placeholder 4" descr="{&quot;templafy&quot;:{&quot;id&quot;:&quot;73e8e0f5-84a6-4ecc-8f41-11de8cc21ada&quot;}}">
            <a:extLst>
              <a:ext uri="{FF2B5EF4-FFF2-40B4-BE49-F238E27FC236}">
                <a16:creationId xmlns:a16="http://schemas.microsoft.com/office/drawing/2014/main" id="{F162967B-CD76-475D-9643-BC17E1102B1D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10064" y="6096977"/>
            <a:ext cx="4023285" cy="959843"/>
          </a:xfrm>
        </p:spPr>
        <p:txBody>
          <a:bodyPr tIns="91440" anchor="t"/>
          <a:lstStyle>
            <a:lvl1pPr marL="0" indent="0">
              <a:buNone/>
              <a:defRPr sz="2035">
                <a:solidFill>
                  <a:schemeClr val="accent3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subtit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7602841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le and Content C Negative">
    <p:bg>
      <p:bgPr>
        <a:solidFill>
          <a:schemeClr val="bg1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Picture Placeholder 10" descr="{&quot;templafy&quot;:{&quot;id&quot;:&quot;bfe8a70a-7d85-4e29-84ca-6d6bfd83cd44&quot;}}">
            <a:extLst>
              <a:ext uri="{FF2B5EF4-FFF2-40B4-BE49-F238E27FC236}">
                <a16:creationId xmlns:a16="http://schemas.microsoft.com/office/drawing/2014/main" id="{E02989E5-A20B-4518-A570-D2C3A65B2F7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" y="0"/>
            <a:ext cx="9602144" cy="12808320"/>
          </a:xfrm>
          <a:custGeom>
            <a:avLst/>
            <a:gdLst>
              <a:gd name="connsiteX0" fmla="*/ 11860224 w 12193199"/>
              <a:gd name="connsiteY0" fmla="*/ 5768019 h 6861600"/>
              <a:gd name="connsiteX1" fmla="*/ 11860224 w 12193199"/>
              <a:gd name="connsiteY1" fmla="*/ 6526743 h 6861600"/>
              <a:gd name="connsiteX2" fmla="*/ 11583393 w 12193199"/>
              <a:gd name="connsiteY2" fmla="*/ 6526743 h 6861600"/>
              <a:gd name="connsiteX3" fmla="*/ 11583393 w 12193199"/>
              <a:gd name="connsiteY3" fmla="*/ 6541143 h 6861600"/>
              <a:gd name="connsiteX4" fmla="*/ 11860224 w 12193199"/>
              <a:gd name="connsiteY4" fmla="*/ 6541143 h 6861600"/>
              <a:gd name="connsiteX5" fmla="*/ 11860224 w 12193199"/>
              <a:gd name="connsiteY5" fmla="*/ 6542019 h 6861600"/>
              <a:gd name="connsiteX6" fmla="*/ 11874624 w 12193199"/>
              <a:gd name="connsiteY6" fmla="*/ 6542019 h 6861600"/>
              <a:gd name="connsiteX7" fmla="*/ 11874624 w 12193199"/>
              <a:gd name="connsiteY7" fmla="*/ 5768019 h 6861600"/>
              <a:gd name="connsiteX8" fmla="*/ 6206398 w 12193199"/>
              <a:gd name="connsiteY8" fmla="*/ 2246400 h 6861600"/>
              <a:gd name="connsiteX9" fmla="*/ 6206398 w 12193199"/>
              <a:gd name="connsiteY9" fmla="*/ 5342400 h 6861600"/>
              <a:gd name="connsiteX10" fmla="*/ 6411598 w 12193199"/>
              <a:gd name="connsiteY10" fmla="*/ 5342400 h 6861600"/>
              <a:gd name="connsiteX11" fmla="*/ 6411598 w 12193199"/>
              <a:gd name="connsiteY11" fmla="*/ 5556637 h 6861600"/>
              <a:gd name="connsiteX12" fmla="*/ 12193198 w 12193199"/>
              <a:gd name="connsiteY12" fmla="*/ 5556637 h 6861600"/>
              <a:gd name="connsiteX13" fmla="*/ 12193198 w 12193199"/>
              <a:gd name="connsiteY13" fmla="*/ 5342400 h 6861600"/>
              <a:gd name="connsiteX14" fmla="*/ 12193198 w 12193199"/>
              <a:gd name="connsiteY14" fmla="*/ 4266000 h 6861600"/>
              <a:gd name="connsiteX15" fmla="*/ 12193198 w 12193199"/>
              <a:gd name="connsiteY15" fmla="*/ 2246400 h 6861600"/>
              <a:gd name="connsiteX16" fmla="*/ 376999 w 12193199"/>
              <a:gd name="connsiteY16" fmla="*/ 311072 h 6861600"/>
              <a:gd name="connsiteX17" fmla="*/ 301430 w 12193199"/>
              <a:gd name="connsiteY17" fmla="*/ 386641 h 6861600"/>
              <a:gd name="connsiteX18" fmla="*/ 301430 w 12193199"/>
              <a:gd name="connsiteY18" fmla="*/ 960386 h 6861600"/>
              <a:gd name="connsiteX19" fmla="*/ 376999 w 12193199"/>
              <a:gd name="connsiteY19" fmla="*/ 1035955 h 6861600"/>
              <a:gd name="connsiteX20" fmla="*/ 1497644 w 12193199"/>
              <a:gd name="connsiteY20" fmla="*/ 1035955 h 6861600"/>
              <a:gd name="connsiteX21" fmla="*/ 1573213 w 12193199"/>
              <a:gd name="connsiteY21" fmla="*/ 960386 h 6861600"/>
              <a:gd name="connsiteX22" fmla="*/ 1573213 w 12193199"/>
              <a:gd name="connsiteY22" fmla="*/ 386641 h 6861600"/>
              <a:gd name="connsiteX23" fmla="*/ 1497644 w 12193199"/>
              <a:gd name="connsiteY23" fmla="*/ 311072 h 6861600"/>
              <a:gd name="connsiteX24" fmla="*/ 0 w 12193199"/>
              <a:gd name="connsiteY24" fmla="*/ 0 h 6861600"/>
              <a:gd name="connsiteX25" fmla="*/ 11867253 w 12193199"/>
              <a:gd name="connsiteY25" fmla="*/ 0 h 6861600"/>
              <a:gd name="connsiteX26" fmla="*/ 11867253 w 12193199"/>
              <a:gd name="connsiteY26" fmla="*/ 2037600 h 6861600"/>
              <a:gd name="connsiteX27" fmla="*/ 11881653 w 12193199"/>
              <a:gd name="connsiteY27" fmla="*/ 2037600 h 6861600"/>
              <a:gd name="connsiteX28" fmla="*/ 11881653 w 12193199"/>
              <a:gd name="connsiteY28" fmla="*/ 0 h 6861600"/>
              <a:gd name="connsiteX29" fmla="*/ 12193199 w 12193199"/>
              <a:gd name="connsiteY29" fmla="*/ 0 h 6861600"/>
              <a:gd name="connsiteX30" fmla="*/ 12193199 w 12193199"/>
              <a:gd name="connsiteY30" fmla="*/ 6861600 h 6861600"/>
              <a:gd name="connsiteX31" fmla="*/ 0 w 12193199"/>
              <a:gd name="connsiteY31" fmla="*/ 6861600 h 6861600"/>
              <a:gd name="connsiteX32" fmla="*/ 0 w 12193199"/>
              <a:gd name="connsiteY32" fmla="*/ 6541143 h 6861600"/>
              <a:gd name="connsiteX33" fmla="*/ 9709196 w 12193199"/>
              <a:gd name="connsiteY33" fmla="*/ 6541143 h 6861600"/>
              <a:gd name="connsiteX34" fmla="*/ 9709196 w 12193199"/>
              <a:gd name="connsiteY34" fmla="*/ 6526743 h 6861600"/>
              <a:gd name="connsiteX35" fmla="*/ 0 w 12193199"/>
              <a:gd name="connsiteY35" fmla="*/ 652674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</a:cxnLst>
            <a:rect l="l" t="t" r="r" b="b"/>
            <a:pathLst>
              <a:path w="12193199" h="6861600">
                <a:moveTo>
                  <a:pt x="11860224" y="5768019"/>
                </a:moveTo>
                <a:lnTo>
                  <a:pt x="11860224" y="6526743"/>
                </a:lnTo>
                <a:lnTo>
                  <a:pt x="11583393" y="6526743"/>
                </a:lnTo>
                <a:lnTo>
                  <a:pt x="11583393" y="6541143"/>
                </a:lnTo>
                <a:lnTo>
                  <a:pt x="11860224" y="6541143"/>
                </a:lnTo>
                <a:lnTo>
                  <a:pt x="11860224" y="6542019"/>
                </a:lnTo>
                <a:lnTo>
                  <a:pt x="11874624" y="6542019"/>
                </a:lnTo>
                <a:lnTo>
                  <a:pt x="11874624" y="5768019"/>
                </a:lnTo>
                <a:close/>
                <a:moveTo>
                  <a:pt x="6206398" y="2246400"/>
                </a:moveTo>
                <a:lnTo>
                  <a:pt x="6206398" y="5342400"/>
                </a:lnTo>
                <a:lnTo>
                  <a:pt x="6411598" y="5342400"/>
                </a:lnTo>
                <a:lnTo>
                  <a:pt x="6411598" y="5556637"/>
                </a:lnTo>
                <a:lnTo>
                  <a:pt x="12193198" y="5556637"/>
                </a:lnTo>
                <a:lnTo>
                  <a:pt x="12193198" y="5342400"/>
                </a:lnTo>
                <a:lnTo>
                  <a:pt x="12193198" y="4266000"/>
                </a:lnTo>
                <a:lnTo>
                  <a:pt x="12193198" y="2246400"/>
                </a:lnTo>
                <a:close/>
                <a:moveTo>
                  <a:pt x="376999" y="311072"/>
                </a:moveTo>
                <a:cubicBezTo>
                  <a:pt x="335263" y="311072"/>
                  <a:pt x="301430" y="344905"/>
                  <a:pt x="301430" y="386641"/>
                </a:cubicBezTo>
                <a:lnTo>
                  <a:pt x="301430" y="960386"/>
                </a:lnTo>
                <a:cubicBezTo>
                  <a:pt x="301430" y="1002122"/>
                  <a:pt x="335263" y="1035955"/>
                  <a:pt x="376999" y="1035955"/>
                </a:cubicBezTo>
                <a:lnTo>
                  <a:pt x="1497644" y="1035955"/>
                </a:lnTo>
                <a:cubicBezTo>
                  <a:pt x="1539380" y="1035955"/>
                  <a:pt x="1573213" y="1002122"/>
                  <a:pt x="1573213" y="960386"/>
                </a:cubicBezTo>
                <a:lnTo>
                  <a:pt x="1573213" y="386641"/>
                </a:lnTo>
                <a:cubicBezTo>
                  <a:pt x="1573213" y="344905"/>
                  <a:pt x="1539380" y="311072"/>
                  <a:pt x="1497644" y="311072"/>
                </a:cubicBezTo>
                <a:close/>
                <a:moveTo>
                  <a:pt x="0" y="0"/>
                </a:moveTo>
                <a:lnTo>
                  <a:pt x="11867253" y="0"/>
                </a:lnTo>
                <a:lnTo>
                  <a:pt x="11867253" y="2037600"/>
                </a:lnTo>
                <a:lnTo>
                  <a:pt x="11881653" y="2037600"/>
                </a:lnTo>
                <a:lnTo>
                  <a:pt x="11881653" y="0"/>
                </a:lnTo>
                <a:lnTo>
                  <a:pt x="12193199" y="0"/>
                </a:lnTo>
                <a:lnTo>
                  <a:pt x="12193199" y="6861600"/>
                </a:lnTo>
                <a:lnTo>
                  <a:pt x="0" y="6861600"/>
                </a:lnTo>
                <a:lnTo>
                  <a:pt x="0" y="6541143"/>
                </a:lnTo>
                <a:lnTo>
                  <a:pt x="9709196" y="6541143"/>
                </a:lnTo>
                <a:lnTo>
                  <a:pt x="9709196" y="6526743"/>
                </a:lnTo>
                <a:lnTo>
                  <a:pt x="0" y="6526743"/>
                </a:lnTo>
                <a:close/>
              </a:path>
            </a:pathLst>
          </a:custGeom>
          <a:solidFill>
            <a:schemeClr val="accent1"/>
          </a:solidFill>
        </p:spPr>
        <p:txBody>
          <a:bodyPr wrap="square" tIns="648000" bIns="0" anchor="t" anchorCtr="0">
            <a:noAutofit/>
          </a:bodyPr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 sz="1163">
                <a:solidFill>
                  <a:schemeClr val="tx2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92ECD9F-BC02-4C8A-839F-9AC4F4BD0167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 Placeholder 28">
            <a:extLst>
              <a:ext uri="{FF2B5EF4-FFF2-40B4-BE49-F238E27FC236}">
                <a16:creationId xmlns:a16="http://schemas.microsoft.com/office/drawing/2014/main" id="{DFD2EEFB-793B-451F-8877-3E8E71B6903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645385" y="11886195"/>
            <a:ext cx="1455464" cy="676128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29">
                <a:noFill/>
              </a:defRPr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pic>
        <p:nvPicPr>
          <p:cNvPr id="13" name="Picture 12" descr="A close up of a sign&#10;&#10;Description automatically generated">
            <a:extLst>
              <a:ext uri="{FF2B5EF4-FFF2-40B4-BE49-F238E27FC236}">
                <a16:creationId xmlns:a16="http://schemas.microsoft.com/office/drawing/2014/main" id="{9D5BC5C8-6D09-4570-97BE-22E1C6FDC8D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7377" y="580668"/>
            <a:ext cx="1001529" cy="1353117"/>
          </a:xfrm>
          <a:prstGeom prst="rect">
            <a:avLst/>
          </a:prstGeom>
        </p:spPr>
      </p:pic>
      <p:sp>
        <p:nvSpPr>
          <p:cNvPr id="15" name="Content Placeholder 2" descr="{&quot;templafy&quot;:{&quot;id&quot;:&quot;65ff82dc-f566-4e69-9f31-6a2570eeb17c&quot;}}">
            <a:extLst>
              <a:ext uri="{FF2B5EF4-FFF2-40B4-BE49-F238E27FC236}">
                <a16:creationId xmlns:a16="http://schemas.microsoft.com/office/drawing/2014/main" id="{E00471B0-86D5-4EE2-B299-40435BAA4FB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372059" y="8665335"/>
            <a:ext cx="3475710" cy="378610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Firstname Lastname</a:t>
            </a:r>
            <a:endParaRPr lang="en-GB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BB7BDE0D-20ED-4125-9615-FF47854DBE27}"/>
              </a:ext>
            </a:extLst>
          </p:cNvPr>
          <p:cNvSpPr/>
          <p:nvPr userDrawn="1"/>
        </p:nvSpPr>
        <p:spPr>
          <a:xfrm>
            <a:off x="4884705" y="4195571"/>
            <a:ext cx="169260" cy="5779201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7" name="Title 1" descr="{&quot;templafy&quot;:{&quot;id&quot;:&quot;1041e8cb-c251-4d6b-b7ff-021e710a7a9e&quot;}}">
            <a:extLst>
              <a:ext uri="{FF2B5EF4-FFF2-40B4-BE49-F238E27FC236}">
                <a16:creationId xmlns:a16="http://schemas.microsoft.com/office/drawing/2014/main" id="{65BAB7C8-E936-4B2B-AD69-0FAEB9040719}"/>
              </a:ext>
            </a:extLst>
          </p:cNvPr>
          <p:cNvSpPr txBox="1">
            <a:spLocks/>
          </p:cNvSpPr>
          <p:nvPr userDrawn="1"/>
        </p:nvSpPr>
        <p:spPr>
          <a:xfrm>
            <a:off x="4885652" y="4195572"/>
            <a:ext cx="4715549" cy="3779216"/>
          </a:xfrm>
          <a:prstGeom prst="rect">
            <a:avLst/>
          </a:prstGeom>
          <a:solidFill>
            <a:schemeClr val="bg2"/>
          </a:solidFill>
        </p:spPr>
        <p:txBody>
          <a:bodyPr vert="horz" lIns="398819" tIns="332349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3198" dirty="0">
                <a:solidFill>
                  <a:schemeClr val="tx1"/>
                </a:solidFill>
              </a:rPr>
              <a:t>Click to add title</a:t>
            </a:r>
            <a:endParaRPr lang="en-GB" sz="3198"/>
          </a:p>
        </p:txBody>
      </p:sp>
      <p:sp>
        <p:nvSpPr>
          <p:cNvPr id="18" name="Content Placeholder 2" descr="{&quot;templafy&quot;:{&quot;id&quot;:&quot;69c87aed-ae3a-4056-8101-77beeea2274a&quot;}}">
            <a:extLst>
              <a:ext uri="{FF2B5EF4-FFF2-40B4-BE49-F238E27FC236}">
                <a16:creationId xmlns:a16="http://schemas.microsoft.com/office/drawing/2014/main" id="{234D9244-72E1-4872-8ECD-366512186079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5372059" y="9287755"/>
            <a:ext cx="3475710" cy="378610"/>
          </a:xfrm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ontact informatio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788907"/>
      </p:ext>
    </p:extLst>
  </p:cSld>
  <p:clrMapOvr>
    <a:overrideClrMapping bg1="dk1" tx1="lt1" bg2="accent1" tx2="accent1" accent1="lt2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B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50E4BA-AB0E-4E89-9112-52FFD31600A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DB949FF-9683-4C07-B8ED-57EEBCDAAF3F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24" name="Picture 23" descr="A close up of a sign&#10;&#10;Description automatically generated">
            <a:extLst>
              <a:ext uri="{FF2B5EF4-FFF2-40B4-BE49-F238E27FC236}">
                <a16:creationId xmlns:a16="http://schemas.microsoft.com/office/drawing/2014/main" id="{117E38B7-0ACF-416C-BBB7-3F5AD32B9EF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37377" y="580668"/>
            <a:ext cx="1001529" cy="1353117"/>
          </a:xfrm>
          <a:prstGeom prst="rect">
            <a:avLst/>
          </a:prstGeom>
        </p:spPr>
      </p:pic>
      <p:sp>
        <p:nvSpPr>
          <p:cNvPr id="21" name="text" descr="{&quot;templafy&quot;:{&quot;id&quot;:&quot;ce7bef22-da22-4a19-84ab-fd9eabbb47ce&quot;}}" title="UserProfile.DisplayName">
            <a:extLst>
              <a:ext uri="{FF2B5EF4-FFF2-40B4-BE49-F238E27FC236}">
                <a16:creationId xmlns:a16="http://schemas.microsoft.com/office/drawing/2014/main" id="{F00CF919-F1E7-4B22-810D-B5FF11DF199E}"/>
              </a:ext>
            </a:extLst>
          </p:cNvPr>
          <p:cNvSpPr txBox="1"/>
          <p:nvPr userDrawn="1"/>
        </p:nvSpPr>
        <p:spPr>
          <a:xfrm>
            <a:off x="5546944" y="8944359"/>
            <a:ext cx="2814101" cy="178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163" b="0" dirty="0">
                <a:solidFill>
                  <a:schemeClr val="tx2"/>
                </a:solidFill>
              </a:rPr>
              <a:t>Lydia Ings</a:t>
            </a:r>
          </a:p>
        </p:txBody>
      </p:sp>
      <p:sp>
        <p:nvSpPr>
          <p:cNvPr id="22" name="text" descr="{&quot;templafy&quot;:{&quot;id&quot;:&quot;538399f9-5e68-4d96-84a4-7f5b2da07ff7&quot;}}" title="UserProfile.Email">
            <a:extLst>
              <a:ext uri="{FF2B5EF4-FFF2-40B4-BE49-F238E27FC236}">
                <a16:creationId xmlns:a16="http://schemas.microsoft.com/office/drawing/2014/main" id="{8424D9F1-11E3-4AA6-8A44-7DE70A57F0D8}"/>
              </a:ext>
            </a:extLst>
          </p:cNvPr>
          <p:cNvSpPr txBox="1"/>
          <p:nvPr userDrawn="1"/>
        </p:nvSpPr>
        <p:spPr>
          <a:xfrm>
            <a:off x="5546944" y="9431498"/>
            <a:ext cx="2814101" cy="178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163" b="0" dirty="0">
                <a:solidFill>
                  <a:schemeClr val="tx2"/>
                </a:solidFill>
              </a:rPr>
              <a:t>lydia.ings@colliers.com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22A2939A-00A0-4C21-9393-DADBB5BAC7BF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318A1C3A-8ED6-490F-A84D-1746F472289A}"/>
              </a:ext>
            </a:extLst>
          </p:cNvPr>
          <p:cNvCxnSpPr>
            <a:cxnSpLocks/>
          </p:cNvCxnSpPr>
          <p:nvPr userDrawn="1"/>
        </p:nvCxnSpPr>
        <p:spPr>
          <a:xfrm flipH="1">
            <a:off x="0" y="12205688"/>
            <a:ext cx="7632206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818AE996-741F-42C6-B12A-16D74EE52D44}"/>
              </a:ext>
            </a:extLst>
          </p:cNvPr>
          <p:cNvCxnSpPr>
            <a:cxnSpLocks/>
          </p:cNvCxnSpPr>
          <p:nvPr userDrawn="1"/>
        </p:nvCxnSpPr>
        <p:spPr>
          <a:xfrm flipH="1">
            <a:off x="9117291" y="12196800"/>
            <a:ext cx="227584" cy="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64AE0577-D8AA-4F8B-9F4B-0389680206C9}"/>
              </a:ext>
            </a:extLst>
          </p:cNvPr>
          <p:cNvCxnSpPr>
            <a:cxnSpLocks/>
          </p:cNvCxnSpPr>
          <p:nvPr userDrawn="1"/>
        </p:nvCxnSpPr>
        <p:spPr>
          <a:xfrm>
            <a:off x="9346800" y="0"/>
            <a:ext cx="0" cy="1221056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Graphic 24">
            <a:extLst>
              <a:ext uri="{FF2B5EF4-FFF2-40B4-BE49-F238E27FC236}">
                <a16:creationId xmlns:a16="http://schemas.microsoft.com/office/drawing/2014/main" id="{5A65BBB4-30E9-4145-8860-C95F9F56AE4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632207" y="11881321"/>
            <a:ext cx="1473647" cy="6951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381232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 descr="{&quot;templafy&quot;:{&quot;id&quot;:&quot;e63b5385-85a8-4ed7-8f8e-a3e1b66ef126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9E05B47-2799-4F24-BE0A-4FE972C0E0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1F7DC19-0DD8-4930-A227-ED70FE4E49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Content Placeholder 3" descr="{&quot;templafy&quot;:{&quot;id&quot;:&quot;0c577c41-65dd-4981-b0dd-f4cd6051a42c&quot;}}">
            <a:extLst>
              <a:ext uri="{FF2B5EF4-FFF2-40B4-BE49-F238E27FC236}">
                <a16:creationId xmlns:a16="http://schemas.microsoft.com/office/drawing/2014/main" id="{4DE4CAC1-E893-4219-9AA4-64F5EDA29707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9927" y="3819736"/>
            <a:ext cx="8579960" cy="7769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0831016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 descr="{&quot;templafy&quot;:{&quot;id&quot;:&quot;0bac697b-6c3a-4e0c-917a-73e1c26f86ea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9E05B47-2799-4F24-BE0A-4FE972C0E0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1F7DC19-0DD8-4930-A227-ED70FE4E49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BD0A6F2-33B9-468B-8C33-5C911B4BB8B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6B2FDCF0-F248-4239-8E0C-3CE19B47CB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518218" y="3001630"/>
            <a:ext cx="2194632" cy="28700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4677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872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br>
              <a:rPr lang="en-US" sz="654" dirty="0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corporate picture from Templafy</a:t>
            </a:r>
            <a:endParaRPr lang="en-GB" altLang="da-DK" sz="654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Click the blue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 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dropdown, click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en-US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click the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 </a:t>
            </a:r>
            <a:r>
              <a:rPr lang="en-GB" altLang="da-DK" sz="654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utton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n the Templafy pane on the right side of the screen</a:t>
            </a:r>
            <a:endParaRPr lang="en-GB" altLang="da-DK" sz="654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endParaRPr lang="en-GB" altLang="da-DK" sz="654" b="0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icture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  <a:endParaRPr lang="en-GB" sz="1309"/>
          </a:p>
          <a:p>
            <a:pPr eaLnBrk="1" hangingPunct="1">
              <a:spcBef>
                <a:spcPts val="872"/>
              </a:spcBef>
              <a:spcAft>
                <a:spcPts val="437"/>
              </a:spcAft>
              <a:defRPr/>
            </a:pPr>
            <a:r>
              <a:rPr lang="en-GB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 picture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rop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change size or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cus of the picture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want to scale the picture,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 down while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agging the corners of the picture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en-GB" altLang="da-DK" sz="654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you delete the picture and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a new one, the picture may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e in front of the text or graphic.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f this happens, select the picture, 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ight-click and choos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d to Back</a:t>
            </a:r>
            <a:endParaRPr lang="en-GB" sz="1309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5712850" y="3502048"/>
            <a:ext cx="532876" cy="1862381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5055" y="3012139"/>
            <a:ext cx="1795784" cy="34882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4677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TEXT STYLES</a:t>
            </a:r>
            <a:endParaRPr lang="en-GB" altLang="da-DK" sz="1163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th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ey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jump through levels. Click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then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o switch from one level to the next level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o go back in levels use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-TAB</a:t>
            </a:r>
            <a:endParaRPr lang="en-GB" sz="654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sz="654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ely, </a:t>
            </a:r>
            <a:r>
              <a:rPr lang="en-GB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crease</a:t>
            </a:r>
            <a:r>
              <a:rPr lang="en-GB" sz="654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en-GB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crease</a:t>
            </a:r>
            <a:br>
              <a:rPr lang="en-US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sz="654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ist level can be used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endParaRPr lang="en-GB" sz="654" baseline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</a:t>
            </a:r>
            <a:r>
              <a:rPr lang="en-GB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e bullet button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elete bullet for regular text.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bullet button to reaply the correct bullet again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SLIDES &amp; LAYOUTS</a:t>
            </a:r>
            <a:br>
              <a:rPr lang="en-US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US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the menu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ew Slide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me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to insert a new slide</a:t>
            </a: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US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hange layout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654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Click on the arrow next to </a:t>
            </a:r>
            <a:r>
              <a:rPr lang="en-GB" sz="654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Layout</a:t>
            </a:r>
            <a:br>
              <a:rPr lang="en-US" sz="654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GB" sz="654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to view a dropdown menu of possible slide layouts</a:t>
            </a:r>
            <a:br>
              <a:rPr lang="en-US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br>
              <a:rPr lang="en-US" altLang="da-DK" sz="654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slide</a:t>
            </a:r>
            <a:endParaRPr lang="en-GB" sz="1309"/>
          </a:p>
          <a:p>
            <a:pPr marL="0" marR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654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en-GB" altLang="da-DK" sz="654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set </a:t>
            </a:r>
            <a:r>
              <a:rPr lang="en-GB" altLang="da-DK" sz="654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nu to reset position, size</a:t>
            </a:r>
            <a:r>
              <a:rPr lang="en-GB" altLang="da-DK" sz="654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formatting of the </a:t>
            </a:r>
            <a:br>
              <a:rPr lang="en-US" altLang="da-DK" sz="654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654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placeholders to their default settings</a:t>
            </a:r>
            <a:endParaRPr lang="en-GB" altLang="da-DK" sz="654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endParaRPr lang="en-GB" altLang="da-DK" sz="654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251961" y="6202653"/>
            <a:ext cx="202500" cy="533333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252387" y="4852713"/>
            <a:ext cx="360000" cy="480001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5712850" y="5821810"/>
            <a:ext cx="268698" cy="600520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257017" y="8051684"/>
            <a:ext cx="258994" cy="943602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257018" y="10530905"/>
            <a:ext cx="424042" cy="322636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5756965" y="7333324"/>
            <a:ext cx="247108" cy="101528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874696" y="3001631"/>
            <a:ext cx="1857117" cy="28029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4677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HEADER &amp; FOOTER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o this at the very end to apply the changes on all slides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on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 th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(write the desired text)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 to All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r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pply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f only used on one slide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872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GRIDLINES</a:t>
            </a:r>
            <a:endParaRPr lang="en-GB" sz="1163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lick th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ew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and set tick mark next to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  <a:endParaRPr lang="en-GB" altLang="da-DK" sz="654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437"/>
              </a:spcAft>
              <a:defRPr/>
            </a:pP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INT: Alt + F9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quick view of guides</a:t>
            </a:r>
            <a:endParaRPr lang="en-GB" sz="1309"/>
          </a:p>
          <a:p>
            <a:pPr eaLnBrk="1" hangingPunct="1">
              <a:spcAft>
                <a:spcPts val="437"/>
              </a:spcAft>
              <a:defRPr/>
            </a:pPr>
            <a:endParaRPr lang="en-GB" altLang="da-DK" sz="654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sz="1163" dirty="0">
                <a:latin typeface="Arial" panose="020B0604020202020204" pitchFamily="34" charset="0"/>
                <a:cs typeface="Arial" panose="020B0604020202020204" pitchFamily="34" charset="0"/>
              </a:rPr>
              <a:t>SLIDES &amp; SLIDE ELEMENTS</a:t>
            </a:r>
            <a:endParaRPr lang="en-GB" sz="1309"/>
          </a:p>
          <a:p>
            <a:pPr marL="0" marR="0" lvl="0" indent="0" algn="l" defTabSz="66469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37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and </a:t>
            </a:r>
            <a:r>
              <a:rPr lang="en-GB" altLang="da-DK" sz="654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 elements </a:t>
            </a:r>
            <a:r>
              <a:rPr lang="en-GB" altLang="da-DK" sz="654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en-GB" altLang="da-DK" sz="654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25056" y="837599"/>
            <a:ext cx="8748590" cy="1213653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2326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 &amp; TRICKS - YOUR USER GUIDE</a:t>
            </a:r>
            <a:endParaRPr lang="en-GB" sz="1309"/>
          </a:p>
        </p:txBody>
      </p:sp>
      <p:pic>
        <p:nvPicPr>
          <p:cNvPr id="6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AC63350-5850-40BB-87A2-CE01481E052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72131" y="8653586"/>
            <a:ext cx="512544" cy="181781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257016" y="9477094"/>
            <a:ext cx="374399" cy="3299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9601200" cy="128016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52338" tIns="52338" rIns="52338" bIns="52338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437"/>
              </a:spcBef>
              <a:buClr>
                <a:srgbClr val="003755"/>
              </a:buClr>
            </a:pPr>
            <a:endParaRPr lang="en-GB" sz="1018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38793" y="1226071"/>
            <a:ext cx="8943620" cy="21026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3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3198" b="0" noProof="0" dirty="0">
                <a:solidFill>
                  <a:schemeClr val="bg1"/>
                </a:solidFill>
              </a:rPr>
              <a:t>If you see any </a:t>
            </a:r>
            <a:r>
              <a:rPr lang="en-GB" sz="3198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3198" b="0" i="0" noProof="0" dirty="0">
                <a:solidFill>
                  <a:schemeClr val="bg1"/>
                </a:solidFill>
              </a:rPr>
              <a:t>one</a:t>
            </a:r>
            <a:r>
              <a:rPr lang="en-GB" sz="3198" b="1" i="1" noProof="0" dirty="0">
                <a:solidFill>
                  <a:schemeClr val="bg1"/>
                </a:solidFill>
              </a:rPr>
              <a:t>,</a:t>
            </a:r>
            <a:br>
              <a:rPr lang="en-US" sz="3198" b="0" i="0" noProof="0" dirty="0">
                <a:solidFill>
                  <a:schemeClr val="bg1"/>
                </a:solidFill>
              </a:rPr>
            </a:br>
            <a:r>
              <a:rPr lang="en-GB" sz="3198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3198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3198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035" b="0" noProof="0" dirty="0">
                <a:solidFill>
                  <a:schemeClr val="bg1"/>
                </a:solidFill>
              </a:rPr>
            </a:br>
            <a:br>
              <a:rPr lang="en-US" sz="2035" b="0" noProof="0" dirty="0">
                <a:solidFill>
                  <a:schemeClr val="bg1"/>
                </a:solidFill>
              </a:rPr>
            </a:br>
            <a:endParaRPr lang="en-GB" sz="2035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8193840" y="6207089"/>
            <a:ext cx="816470" cy="193533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37"/>
                </a:spcBef>
                <a:buClr>
                  <a:srgbClr val="003755"/>
                </a:buClr>
              </a:pPr>
              <a:endParaRPr lang="en-GB" sz="1018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437"/>
                </a:spcBef>
                <a:buClr>
                  <a:srgbClr val="003755"/>
                </a:buClr>
              </a:pPr>
              <a:endParaRPr lang="en-GB" sz="1018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338794" y="4831633"/>
            <a:ext cx="7994973" cy="16361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0032" b="1" i="1" noProof="0" dirty="0">
                <a:solidFill>
                  <a:schemeClr val="bg1"/>
                </a:solidFill>
              </a:rPr>
              <a:t>Do not use </a:t>
            </a:r>
            <a:endParaRPr lang="en-GB" sz="1745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38793" y="9681384"/>
            <a:ext cx="8943617" cy="7003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43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454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en-GB" sz="1309"/>
          </a:p>
          <a:p>
            <a:pPr marL="0" marR="0" indent="0" algn="ctr" fontAlgn="auto">
              <a:lnSpc>
                <a:spcPct val="100000"/>
              </a:lnSpc>
              <a:spcBef>
                <a:spcPts val="437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454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309" b="0" noProof="0" dirty="0">
                <a:solidFill>
                  <a:schemeClr val="bg1"/>
                </a:solidFill>
              </a:rPr>
            </a:br>
            <a:endParaRPr lang="en-GB" sz="1309" b="0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 descr="{&quot;templafy&quot;:{&quot;id&quot;:&quot;8c267881-ee86-440a-a8b4-6c5cd12e60ce&quot;}}"/>
          <p:cNvSpPr>
            <a:spLocks noGrp="1"/>
          </p:cNvSpPr>
          <p:nvPr>
            <p:ph type="title" hasCustomPrompt="1"/>
          </p:nvPr>
        </p:nvSpPr>
        <p:spPr>
          <a:xfrm>
            <a:off x="0" y="1229760"/>
            <a:ext cx="4887540" cy="2325120"/>
          </a:xfrm>
          <a:solidFill>
            <a:schemeClr val="bg1"/>
          </a:solidFill>
        </p:spPr>
        <p:txBody>
          <a:bodyPr lIns="612000" tIns="360000" rIns="216000" bIns="144000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Click to add agenda</a:t>
            </a:r>
            <a:endParaRPr lang="en-GB"/>
          </a:p>
        </p:txBody>
      </p:sp>
      <p:sp>
        <p:nvSpPr>
          <p:cNvPr id="7" name="Text Placeholder 2" descr="{&quot;templafy&quot;:{&quot;id&quot;:&quot;7248b050-13ca-4ea9-a181-b30e7166caf5&quot;}}"/>
          <p:cNvSpPr>
            <a:spLocks noGrp="1"/>
          </p:cNvSpPr>
          <p:nvPr>
            <p:ph type="body" sz="quarter" idx="13" hasCustomPrompt="1"/>
          </p:nvPr>
        </p:nvSpPr>
        <p:spPr>
          <a:xfrm>
            <a:off x="1238906" y="436202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None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, tab for highlight</a:t>
            </a:r>
            <a:endParaRPr lang="en-GB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3F1B49C-8EDD-4326-AD14-38D7B2C7AC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7286CBCF-60EB-488A-9348-A7967F11649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C7D7785-96CC-47E3-8CF0-07D5B0BA3213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4D74C48E-B4DC-4123-9080-7447D0DF6F2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10063" y="436202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5" name="Text Placeholder 2" descr="{&quot;templafy&quot;:{&quot;id&quot;:&quot;74e7be37-40ac-413f-bd76-bdea051f906b&quot;}}">
            <a:extLst>
              <a:ext uri="{FF2B5EF4-FFF2-40B4-BE49-F238E27FC236}">
                <a16:creationId xmlns:a16="http://schemas.microsoft.com/office/drawing/2014/main" id="{E46CEDC0-4D88-45E3-9034-F610F62D97C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238906" y="588704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Translations.Clicktoaddagenda</a:t>
            </a:r>
            <a:endParaRPr lang="en-GB"/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075E54A4-FF11-43D5-9581-8069076ADC8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10063" y="5887044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7" name="Text Placeholder 2" descr="{&quot;templafy&quot;:{&quot;id&quot;:&quot;248a81d6-4be7-4a41-8519-99a1a6bcc943&quot;}}">
            <a:extLst>
              <a:ext uri="{FF2B5EF4-FFF2-40B4-BE49-F238E27FC236}">
                <a16:creationId xmlns:a16="http://schemas.microsoft.com/office/drawing/2014/main" id="{01518630-9442-4697-9BA4-C5BFECF38A6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238906" y="7411641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Translations.Clicktoaddagenda</a:t>
            </a:r>
            <a:endParaRPr lang="en-GB"/>
          </a:p>
        </p:txBody>
      </p:sp>
      <p:sp>
        <p:nvSpPr>
          <p:cNvPr id="18" name="Text Placeholder 12">
            <a:extLst>
              <a:ext uri="{FF2B5EF4-FFF2-40B4-BE49-F238E27FC236}">
                <a16:creationId xmlns:a16="http://schemas.microsoft.com/office/drawing/2014/main" id="{2CF1A276-14F4-462C-AA25-54417D7095C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063" y="7411639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7FB73550-636A-48B4-A9D5-ADB23B7A548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238906" y="8942614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20" name="Text Placeholder 12">
            <a:extLst>
              <a:ext uri="{FF2B5EF4-FFF2-40B4-BE49-F238E27FC236}">
                <a16:creationId xmlns:a16="http://schemas.microsoft.com/office/drawing/2014/main" id="{5769EF46-1E2C-44E0-A767-61CE9BAA51C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10063" y="8942612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E401D47-D8D5-454A-BAF7-1F29C2BB2FF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238906" y="10460560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22" name="Text Placeholder 12">
            <a:extLst>
              <a:ext uri="{FF2B5EF4-FFF2-40B4-BE49-F238E27FC236}">
                <a16:creationId xmlns:a16="http://schemas.microsoft.com/office/drawing/2014/main" id="{FEBA7DB9-CE42-4E83-B145-066E18A1FEE0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510063" y="1046055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25" name="Text Placeholder 2" descr="{&quot;templafy&quot;:{&quot;id&quot;:&quot;35cf2ba6-3ef1-4a47-b2ef-faa7e7bdd77a&quot;}}">
            <a:extLst>
              <a:ext uri="{FF2B5EF4-FFF2-40B4-BE49-F238E27FC236}">
                <a16:creationId xmlns:a16="http://schemas.microsoft.com/office/drawing/2014/main" id="{49124B6D-459B-4905-8D29-DC0DEAC6FF6F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5614453" y="436202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None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Translations.Clicktoaddagendatabforhighlight</a:t>
            </a:r>
            <a:endParaRPr lang="en-GB"/>
          </a:p>
        </p:txBody>
      </p:sp>
      <p:sp>
        <p:nvSpPr>
          <p:cNvPr id="26" name="Text Placeholder 12">
            <a:extLst>
              <a:ext uri="{FF2B5EF4-FFF2-40B4-BE49-F238E27FC236}">
                <a16:creationId xmlns:a16="http://schemas.microsoft.com/office/drawing/2014/main" id="{12AE8A63-241E-421D-9B89-8DE0F91504B7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885611" y="436202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A6671283-C6CD-42E4-9A77-222C040A5CF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614453" y="588704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C604B6B2-DC97-4406-A4C5-D62DFB7EDA66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4885611" y="5887044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D9B6183A-42E2-405F-8B6D-C0EEE12B7904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5614453" y="7411641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0" name="Text Placeholder 12">
            <a:extLst>
              <a:ext uri="{FF2B5EF4-FFF2-40B4-BE49-F238E27FC236}">
                <a16:creationId xmlns:a16="http://schemas.microsoft.com/office/drawing/2014/main" id="{9419D887-AA37-4FC3-8E5C-EDC77BB368A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885611" y="7411639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27A56A82-2518-42AA-A1F2-512CC9DE1461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5614453" y="8942614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2" name="Text Placeholder 12">
            <a:extLst>
              <a:ext uri="{FF2B5EF4-FFF2-40B4-BE49-F238E27FC236}">
                <a16:creationId xmlns:a16="http://schemas.microsoft.com/office/drawing/2014/main" id="{3293AE8D-9A1F-4F2E-91B1-232114EC244F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4885611" y="8942612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E85E05E2-C433-4ACA-80A5-E229C490745D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5614453" y="10460560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4" name="Text Placeholder 12">
            <a:extLst>
              <a:ext uri="{FF2B5EF4-FFF2-40B4-BE49-F238E27FC236}">
                <a16:creationId xmlns:a16="http://schemas.microsoft.com/office/drawing/2014/main" id="{EADB9040-661A-4798-9359-941E26C0BEB7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4885611" y="1046055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 descr="{&quot;templafy&quot;:{&quot;id&quot;:&quot;b5cf8c4a-8ef4-4624-a7c2-8d30c838e969&quot;}}">
            <a:extLst>
              <a:ext uri="{FF2B5EF4-FFF2-40B4-BE49-F238E27FC236}">
                <a16:creationId xmlns:a16="http://schemas.microsoft.com/office/drawing/2014/main" id="{1122B038-DA79-4F73-A1EF-00D31025F88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713660" y="0"/>
            <a:ext cx="4887540" cy="12801600"/>
          </a:xfrm>
          <a:solidFill>
            <a:schemeClr val="bg2"/>
          </a:solidFill>
        </p:spPr>
        <p:txBody>
          <a:bodyPr bIns="720000"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2" name="Title 1" descr="{&quot;templafy&quot;:{&quot;id&quot;:&quot;c53560db-e74c-4a94-9bcc-ee84e5968c2d&quot;}}"/>
          <p:cNvSpPr>
            <a:spLocks noGrp="1"/>
          </p:cNvSpPr>
          <p:nvPr>
            <p:ph type="title" hasCustomPrompt="1"/>
          </p:nvPr>
        </p:nvSpPr>
        <p:spPr>
          <a:xfrm>
            <a:off x="0" y="1229760"/>
            <a:ext cx="4887540" cy="2325120"/>
          </a:xfrm>
          <a:solidFill>
            <a:schemeClr val="bg1"/>
          </a:solidFill>
        </p:spPr>
        <p:txBody>
          <a:bodyPr lIns="612000" tIns="360000" rIns="216000" bIns="144000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noProof="0" dirty="0"/>
              <a:t>Click to add agenda</a:t>
            </a:r>
            <a:endParaRPr lang="en-GB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3F1B49C-8EDD-4326-AD14-38D7B2C7AC1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7286CBCF-60EB-488A-9348-A7967F11649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257B7025-86C6-444C-9F53-BBB79D6E72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8756400" y="511493"/>
            <a:ext cx="8505" cy="2352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 sz="129">
                <a:noFill/>
              </a:defRPr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  <p:sp>
        <p:nvSpPr>
          <p:cNvPr id="11" name="Text Placeholder 2" descr="{&quot;templafy&quot;:{&quot;id&quot;:&quot;fe21a69f-9c9d-4ff3-b0b7-2025c1e25362&quot;}}">
            <a:extLst>
              <a:ext uri="{FF2B5EF4-FFF2-40B4-BE49-F238E27FC236}">
                <a16:creationId xmlns:a16="http://schemas.microsoft.com/office/drawing/2014/main" id="{D700400D-3693-47D5-B719-23F8141C090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238906" y="436202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None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Translations.Clicktoaddagendatabforhighlight</a:t>
            </a:r>
            <a:endParaRPr lang="en-GB"/>
          </a:p>
        </p:txBody>
      </p:sp>
      <p:sp>
        <p:nvSpPr>
          <p:cNvPr id="14" name="Text Placeholder 12">
            <a:extLst>
              <a:ext uri="{FF2B5EF4-FFF2-40B4-BE49-F238E27FC236}">
                <a16:creationId xmlns:a16="http://schemas.microsoft.com/office/drawing/2014/main" id="{4D18CD4B-F59D-4EB6-B091-552FA51E744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10063" y="436202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5" name="Text Placeholder 2" descr="{&quot;templafy&quot;:{&quot;id&quot;:&quot;cc4c2e0f-b333-4462-8bec-1ed2807dd0cd&quot;}}">
            <a:extLst>
              <a:ext uri="{FF2B5EF4-FFF2-40B4-BE49-F238E27FC236}">
                <a16:creationId xmlns:a16="http://schemas.microsoft.com/office/drawing/2014/main" id="{71684332-7EDA-4227-B49C-EADEEF92B89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238906" y="5887046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Translations.Clicktoaddagenda</a:t>
            </a:r>
            <a:endParaRPr lang="en-GB"/>
          </a:p>
        </p:txBody>
      </p:sp>
      <p:sp>
        <p:nvSpPr>
          <p:cNvPr id="16" name="Text Placeholder 12">
            <a:extLst>
              <a:ext uri="{FF2B5EF4-FFF2-40B4-BE49-F238E27FC236}">
                <a16:creationId xmlns:a16="http://schemas.microsoft.com/office/drawing/2014/main" id="{5A029CA3-9365-400E-8915-A3BDD6AA06A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10063" y="5887044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C69A245D-E80C-4EBF-9AF4-0CE62448A3D1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238906" y="7411641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8" name="Text Placeholder 12">
            <a:extLst>
              <a:ext uri="{FF2B5EF4-FFF2-40B4-BE49-F238E27FC236}">
                <a16:creationId xmlns:a16="http://schemas.microsoft.com/office/drawing/2014/main" id="{28FBA67F-82B1-4C55-98D5-C7745BAD1E3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10063" y="7411639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891B4A8-66A1-43CC-BE1C-67D2828BD33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238906" y="8942614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20" name="Text Placeholder 12">
            <a:extLst>
              <a:ext uri="{FF2B5EF4-FFF2-40B4-BE49-F238E27FC236}">
                <a16:creationId xmlns:a16="http://schemas.microsoft.com/office/drawing/2014/main" id="{955675B3-0C0F-40A7-8573-48E7C18848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10063" y="8942612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1B3DB0C3-4C9B-46BE-A07F-896A46A6231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1238906" y="10460560"/>
            <a:ext cx="3475434" cy="853441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3pPr>
            <a:lvl4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4pPr>
            <a:lvl5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5pPr>
            <a:lvl6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6pPr>
            <a:lvl7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7pPr>
            <a:lvl8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accent3"/>
                </a:solidFill>
                <a:latin typeface="+mj-lt"/>
              </a:defRPr>
            </a:lvl8pPr>
            <a:lvl9pPr marL="0" indent="0">
              <a:spcBef>
                <a:spcPts val="218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GB" noProof="0" dirty="0"/>
              <a:t>Click to add agenda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22" name="Text Placeholder 12">
            <a:extLst>
              <a:ext uri="{FF2B5EF4-FFF2-40B4-BE49-F238E27FC236}">
                <a16:creationId xmlns:a16="http://schemas.microsoft.com/office/drawing/2014/main" id="{EBC2663A-9F2B-496F-BA87-FE61CF6E9F8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510063" y="10460557"/>
            <a:ext cx="410052" cy="853440"/>
          </a:xfrm>
        </p:spPr>
        <p:txBody>
          <a:bodyPr/>
          <a:lstStyle>
            <a:lvl1pPr marL="0" indent="0">
              <a:spcAft>
                <a:spcPts val="872"/>
              </a:spcAft>
              <a:buFont typeface="Arial" panose="020B0604020202020204" pitchFamily="34" charset="0"/>
              <a:buChar char="​"/>
              <a:defRPr sz="2035" b="0">
                <a:solidFill>
                  <a:schemeClr val="bg1"/>
                </a:solidFill>
                <a:latin typeface="+mj-lt"/>
              </a:defRPr>
            </a:lvl1pPr>
            <a:lvl2pPr marL="1154" indent="-2308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accent3"/>
                </a:solidFill>
                <a:latin typeface="+mj-lt"/>
              </a:defRPr>
            </a:lvl2pPr>
            <a:lvl3pPr marL="0" indent="0">
              <a:spcBef>
                <a:spcPts val="872"/>
              </a:spcBef>
              <a:spcAft>
                <a:spcPts val="872"/>
              </a:spcAft>
              <a:buFont typeface="Arial" panose="020B0604020202020204" pitchFamily="34" charset="0"/>
              <a:buChar char="​"/>
              <a:defRPr sz="2035">
                <a:solidFill>
                  <a:schemeClr val="bg1"/>
                </a:solidFill>
                <a:latin typeface="+mj-lt"/>
              </a:defRPr>
            </a:lvl3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8918843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11" descr="{&quot;templafy&quot;:{&quot;id&quot;:&quot;89c629e8-5f88-44e9-9386-8a0d8d08cfd2&quot;}}">
            <a:extLst>
              <a:ext uri="{FF2B5EF4-FFF2-40B4-BE49-F238E27FC236}">
                <a16:creationId xmlns:a16="http://schemas.microsoft.com/office/drawing/2014/main" id="{316A2E3D-381D-4794-837F-77E3508BF7B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9601200" cy="12801600"/>
          </a:xfrm>
          <a:solidFill>
            <a:schemeClr val="bg2"/>
          </a:solidFill>
        </p:spPr>
        <p:txBody>
          <a:bodyPr lIns="0" tIns="0" bIns="720000" anchor="ctr"/>
          <a:lstStyle>
            <a:lvl1pPr marL="0" marR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64695" rtl="0" eaLnBrk="1" fontAlgn="auto" latinLnBrk="0" hangingPunct="1">
              <a:lnSpc>
                <a:spcPct val="100000"/>
              </a:lnSpc>
              <a:spcBef>
                <a:spcPts val="218"/>
              </a:spcBef>
              <a:spcAft>
                <a:spcPts val="437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here and add image from Templafy</a:t>
            </a:r>
            <a:endParaRPr lang="en-GB"/>
          </a:p>
        </p:txBody>
      </p:sp>
      <p:sp>
        <p:nvSpPr>
          <p:cNvPr id="2" name="Title 1" descr="{&quot;templafy&quot;:{&quot;id&quot;:&quot;11f3ef96-5084-425a-945a-f6bf2a2fcfd8&quot;}}"/>
          <p:cNvSpPr>
            <a:spLocks noGrp="1"/>
          </p:cNvSpPr>
          <p:nvPr>
            <p:ph type="ctrTitle" hasCustomPrompt="1"/>
          </p:nvPr>
        </p:nvSpPr>
        <p:spPr>
          <a:xfrm>
            <a:off x="1" y="7963200"/>
            <a:ext cx="4714605" cy="2412480"/>
          </a:xfrm>
          <a:solidFill>
            <a:schemeClr val="bg1">
              <a:alpha val="95000"/>
            </a:schemeClr>
          </a:solidFill>
        </p:spPr>
        <p:txBody>
          <a:bodyPr lIns="648000" tIns="144000" rIns="144000" bIns="216000" anchor="b"/>
          <a:lstStyle>
            <a:lvl1pPr algn="l">
              <a:defRPr sz="3198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15" name="Text Placeholder 14" descr="{&quot;templafy&quot;:{&quot;id&quot;:&quot;abccf495-947e-479c-a9e6-b49efbc4f5d8&quot;}}">
            <a:extLst>
              <a:ext uri="{FF2B5EF4-FFF2-40B4-BE49-F238E27FC236}">
                <a16:creationId xmlns:a16="http://schemas.microsoft.com/office/drawing/2014/main" id="{25C68F50-FCCF-405F-AEDF-6043594B6AA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" y="7163520"/>
            <a:ext cx="1797725" cy="1209600"/>
          </a:xfrm>
          <a:solidFill>
            <a:schemeClr val="tx2">
              <a:alpha val="95000"/>
            </a:schemeClr>
          </a:solidFill>
        </p:spPr>
        <p:txBody>
          <a:bodyPr lIns="648000" anchor="ctr"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2035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Add 01</a:t>
            </a:r>
            <a:endParaRPr lang="en-GB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B588E55-B015-4690-9557-AB6B13D669B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CEA3045-B02B-4FCB-A6C4-5E06780D83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7784F74E-8E93-4629-AC06-D4D90AE2C84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8756400" y="511493"/>
            <a:ext cx="8505" cy="235200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 sz="129">
                <a:noFill/>
              </a:defRPr>
            </a:lvl1pPr>
          </a:lstStyle>
          <a:p>
            <a:pPr lvl="0"/>
            <a:r>
              <a:rPr lang="en-GB" dirty="0"/>
              <a:t>Click to edit Master text styles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 descr="{&quot;templafy&quot;:{&quot;id&quot;:&quot;72c83956-4381-461b-a4c9-6062c9c7ed5a&quot;}}"/>
          <p:cNvSpPr>
            <a:spLocks noGrp="1"/>
          </p:cNvSpPr>
          <p:nvPr>
            <p:ph type="ctrTitle" hasCustomPrompt="1"/>
          </p:nvPr>
        </p:nvSpPr>
        <p:spPr>
          <a:xfrm>
            <a:off x="1" y="7963200"/>
            <a:ext cx="4714605" cy="2412480"/>
          </a:xfrm>
          <a:solidFill>
            <a:schemeClr val="bg1">
              <a:alpha val="95000"/>
            </a:schemeClr>
          </a:solidFill>
        </p:spPr>
        <p:txBody>
          <a:bodyPr lIns="648000" tIns="144000" rIns="144000" bIns="216000" anchor="b"/>
          <a:lstStyle>
            <a:lvl1pPr algn="l">
              <a:defRPr sz="3198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15" name="Text Placeholder 14" descr="{&quot;templafy&quot;:{&quot;id&quot;:&quot;940702cd-5cc2-4b88-95af-9ba21abf60e7&quot;}}">
            <a:extLst>
              <a:ext uri="{FF2B5EF4-FFF2-40B4-BE49-F238E27FC236}">
                <a16:creationId xmlns:a16="http://schemas.microsoft.com/office/drawing/2014/main" id="{25C68F50-FCCF-405F-AEDF-6043594B6AA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" y="7163520"/>
            <a:ext cx="1797725" cy="1209600"/>
          </a:xfrm>
          <a:solidFill>
            <a:schemeClr val="accent3">
              <a:alpha val="95000"/>
            </a:schemeClr>
          </a:solidFill>
        </p:spPr>
        <p:txBody>
          <a:bodyPr lIns="648000" anchor="ctr"/>
          <a:lstStyle>
            <a:lvl1pPr marL="0" indent="0">
              <a:spcBef>
                <a:spcPts val="0"/>
              </a:spcBef>
              <a:spcAft>
                <a:spcPts val="0"/>
              </a:spcAft>
              <a:buNone/>
              <a:defRPr sz="2035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Add 01</a:t>
            </a:r>
            <a:endParaRPr lang="en-GB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B588E55-B015-4690-9557-AB6B13D669B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CEA3045-B02B-4FCB-A6C4-5E06780D83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833C63-54B4-45EB-8D7A-EE7EB966CB8E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72973777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b302c8cf-95a6-468b-9814-7d3a1bd269fb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1c7c4c91-bc71-4dcb-bf45-f1f6c7bd5efc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b2d17a22-b0c7-4b21-9dcd-26afcca93946&quot;}}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221ea5a3-0f9a-4dd8-bab2-3b693c4d96b7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 Negativ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61c26ff3-6c14-4d0d-93b0-62f36dc759ff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3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04cfff6d-bf2f-4020-8bb6-b38cded94de3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ac19e692-7813-4976-8c95-9967cfc345f0&quot;}}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7pPr>
              <a:defRPr>
                <a:solidFill>
                  <a:schemeClr val="accent3"/>
                </a:solidFill>
              </a:defRPr>
            </a:lvl7pPr>
            <a:lvl9pPr>
              <a:defRPr>
                <a:solidFill>
                  <a:schemeClr val="accent3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e4315f19-ce96-4e15-a1d8-8c078b45501a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C3157DD5-F1F7-4633-B8ED-02F06F859D3A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827251153"/>
      </p:ext>
    </p:extLst>
  </p:cSld>
  <p:clrMapOvr>
    <a:overrideClrMapping bg1="dk1" tx1="lt1" bg2="accent1" tx2="accent1" accent1="lt2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 descr="{&quot;templafy&quot;:{&quot;id&quot;:&quot;7f4b33ee-6766-490d-8145-683e42ba0122&quot;}}">
            <a:extLst>
              <a:ext uri="{FF2B5EF4-FFF2-40B4-BE49-F238E27FC236}">
                <a16:creationId xmlns:a16="http://schemas.microsoft.com/office/drawing/2014/main" id="{5CD8FAEA-9859-4AF5-90CE-712350B0DB5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10063" y="1209040"/>
            <a:ext cx="8578573" cy="773431"/>
          </a:xfrm>
        </p:spPr>
        <p:txBody>
          <a:bodyPr/>
          <a:lstStyle>
            <a:lvl1pPr marL="0" indent="0">
              <a:buNone/>
              <a:defRPr sz="1745">
                <a:solidFill>
                  <a:schemeClr val="accent2"/>
                </a:solidFill>
                <a:latin typeface="+mn-lt"/>
              </a:defRPr>
            </a:lvl1pPr>
          </a:lstStyle>
          <a:p>
            <a:pPr lvl="0"/>
            <a:r>
              <a:rPr lang="en-GB" dirty="0"/>
              <a:t>Click to add header</a:t>
            </a:r>
            <a:endParaRPr lang="en-GB"/>
          </a:p>
        </p:txBody>
      </p:sp>
      <p:sp>
        <p:nvSpPr>
          <p:cNvPr id="2" name="Title 1" descr="{&quot;templafy&quot;:{&quot;id&quot;:&quot;d6ef74b4-121f-4900-9bad-38c55cbf2a71&quot;}}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 descr="{&quot;templafy&quot;:{&quot;id&quot;:&quot;3367fe30-46d5-4f8e-b923-b71c9c44f1c7&quot;}}"/>
          <p:cNvSpPr>
            <a:spLocks noGrp="1"/>
          </p:cNvSpPr>
          <p:nvPr>
            <p:ph idx="1" hasCustomPrompt="1"/>
          </p:nvPr>
        </p:nvSpPr>
        <p:spPr>
          <a:xfrm>
            <a:off x="510301" y="3816960"/>
            <a:ext cx="4935735" cy="776832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/>
              <a:t>Click to add text</a:t>
            </a:r>
            <a:endParaRPr lang="en-GB"/>
          </a:p>
        </p:txBody>
      </p:sp>
      <p:sp>
        <p:nvSpPr>
          <p:cNvPr id="14" name="Text Placeholder 13" descr="{&quot;templafy&quot;:{&quot;id&quot;:&quot;611f3821-01d0-48d3-af0a-9d1212b14c5b&quot;}}">
            <a:extLst>
              <a:ext uri="{FF2B5EF4-FFF2-40B4-BE49-F238E27FC236}">
                <a16:creationId xmlns:a16="http://schemas.microsoft.com/office/drawing/2014/main" id="{CD24C3BD-6B68-455D-8BAB-E59F02BA335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10301" y="11961600"/>
            <a:ext cx="4935735" cy="456960"/>
          </a:xfrm>
        </p:spPr>
        <p:txBody>
          <a:bodyPr/>
          <a:lstStyle>
            <a:lvl1pPr marL="0" indent="0">
              <a:buNone/>
              <a:defRPr sz="582" i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4EBE7A6-B567-41BB-8FC5-4D7E50C44B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F4B48C20-C4DC-46ED-A7E0-2854CD88A8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Content Placeholder 4" descr="{&quot;templafy&quot;:{&quot;id&quot;:&quot;ae1ed0d7-57f1-4040-8e43-d2724ae1352a&quot;}}">
            <a:extLst>
              <a:ext uri="{FF2B5EF4-FFF2-40B4-BE49-F238E27FC236}">
                <a16:creationId xmlns:a16="http://schemas.microsoft.com/office/drawing/2014/main" id="{DD9AB3A2-4DAB-4225-9E04-C68302BDBFE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614453" y="3819739"/>
            <a:ext cx="3475434" cy="776986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add tex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32450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34" Type="http://schemas.openxmlformats.org/officeDocument/2006/relationships/tags" Target="../tags/tag7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ags" Target="../tags/tag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tags" Target="../tags/tag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tags" Target="../tags/tag5.xml"/><Relationship Id="rId37" Type="http://schemas.openxmlformats.org/officeDocument/2006/relationships/tags" Target="../tags/tag1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1.xml"/><Relationship Id="rId36" Type="http://schemas.openxmlformats.org/officeDocument/2006/relationships/tags" Target="../tags/tag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tags" Target="../tags/tag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heme" Target="../theme/theme1.xml"/><Relationship Id="rId30" Type="http://schemas.openxmlformats.org/officeDocument/2006/relationships/tags" Target="../tags/tag3.xml"/><Relationship Id="rId35" Type="http://schemas.openxmlformats.org/officeDocument/2006/relationships/tags" Target="../tags/tag8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10300" y="3816960"/>
            <a:ext cx="8578710" cy="776832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</a:t>
            </a:r>
            <a:endParaRPr lang="en-GB"/>
          </a:p>
          <a:p>
            <a:pPr lvl="1"/>
            <a:r>
              <a:rPr lang="en-GB" noProof="0" dirty="0"/>
              <a:t>Level 2</a:t>
            </a:r>
            <a:endParaRPr lang="en-GB"/>
          </a:p>
          <a:p>
            <a:pPr lvl="2"/>
            <a:r>
              <a:rPr lang="en-GB" noProof="0" dirty="0"/>
              <a:t>Level 3</a:t>
            </a:r>
            <a:endParaRPr lang="en-GB"/>
          </a:p>
          <a:p>
            <a:pPr lvl="3"/>
            <a:r>
              <a:rPr lang="en-GB" noProof="0" dirty="0"/>
              <a:t>Level 4, Header</a:t>
            </a:r>
            <a:endParaRPr lang="en-GB"/>
          </a:p>
          <a:p>
            <a:pPr lvl="4"/>
            <a:r>
              <a:rPr lang="en-GB" noProof="0" dirty="0"/>
              <a:t>Level 5, Body</a:t>
            </a:r>
            <a:endParaRPr lang="en-GB"/>
          </a:p>
          <a:p>
            <a:pPr lvl="5"/>
            <a:r>
              <a:rPr lang="en-GB" noProof="0" dirty="0"/>
              <a:t>Level 6</a:t>
            </a:r>
            <a:endParaRPr lang="en-GB"/>
          </a:p>
          <a:p>
            <a:pPr lvl="6"/>
            <a:r>
              <a:rPr lang="en-GB" noProof="0" dirty="0"/>
              <a:t>Level 7, Small Header</a:t>
            </a:r>
            <a:endParaRPr lang="en-GB"/>
          </a:p>
          <a:p>
            <a:pPr lvl="7"/>
            <a:r>
              <a:rPr lang="en-GB" noProof="0" dirty="0"/>
              <a:t>Level 8, Small Body</a:t>
            </a:r>
            <a:endParaRPr lang="en-GB"/>
          </a:p>
          <a:p>
            <a:pPr lvl="8"/>
            <a:r>
              <a:rPr lang="en-GB" noProof="0" dirty="0"/>
              <a:t>Level 9, Infographic</a:t>
            </a:r>
            <a:endParaRPr lang="en-GB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0300" y="1982400"/>
            <a:ext cx="8578710" cy="155904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884705" y="463680"/>
            <a:ext cx="3651480" cy="336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64" b="1">
                <a:solidFill>
                  <a:schemeClr val="tx2"/>
                </a:solidFill>
              </a:defRPr>
            </a:lvl1pPr>
          </a:lstStyle>
          <a:p>
            <a:r>
              <a:rPr lang="en-GB" dirty="0"/>
              <a:t>Colliers</a:t>
            </a:r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794170" y="463680"/>
            <a:ext cx="294840" cy="336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64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4A0F400-E6B0-46DD-A55F-1A65108DA379}"/>
              </a:ext>
            </a:extLst>
          </p:cNvPr>
          <p:cNvCxnSpPr/>
          <p:nvPr userDrawn="1"/>
        </p:nvCxnSpPr>
        <p:spPr>
          <a:xfrm>
            <a:off x="8760751" y="511494"/>
            <a:ext cx="0" cy="234298"/>
          </a:xfrm>
          <a:prstGeom prst="line">
            <a:avLst/>
          </a:prstGeom>
          <a:ln w="9525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48481018-5A2B-4092-B1D6-9A5FDD8E0EFF}"/>
              </a:ext>
            </a:extLst>
          </p:cNvPr>
          <p:cNvSpPr/>
          <p:nvPr userDrawn="1">
            <p:custDataLst>
              <p:tags r:id="rId28"/>
            </p:custDataLst>
          </p:nvPr>
        </p:nvSpPr>
        <p:spPr>
          <a:xfrm>
            <a:off x="510300" y="1209600"/>
            <a:ext cx="8580600" cy="2327666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71856E2-F020-49FF-A54D-049EB30BEDAB}"/>
              </a:ext>
            </a:extLst>
          </p:cNvPr>
          <p:cNvSpPr/>
          <p:nvPr userDrawn="1">
            <p:custDataLst>
              <p:tags r:id="rId29"/>
            </p:custDataLst>
          </p:nvPr>
        </p:nvSpPr>
        <p:spPr>
          <a:xfrm>
            <a:off x="510301" y="3816772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6" name="Rectangle 5" hidden="1">
            <a:extLst>
              <a:ext uri="{FF2B5EF4-FFF2-40B4-BE49-F238E27FC236}">
                <a16:creationId xmlns:a16="http://schemas.microsoft.com/office/drawing/2014/main" id="{830E4EAE-C9B8-4A85-82D0-DDC95712D1B3}"/>
              </a:ext>
            </a:extLst>
          </p:cNvPr>
          <p:cNvSpPr/>
          <p:nvPr userDrawn="1">
            <p:custDataLst>
              <p:tags r:id="rId30"/>
            </p:custDataLst>
          </p:nvPr>
        </p:nvSpPr>
        <p:spPr>
          <a:xfrm>
            <a:off x="1239526" y="3816770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1A083474-478F-42C6-8180-CFB3495AD762}"/>
              </a:ext>
            </a:extLst>
          </p:cNvPr>
          <p:cNvSpPr/>
          <p:nvPr userDrawn="1">
            <p:custDataLst>
              <p:tags r:id="rId31"/>
            </p:custDataLst>
          </p:nvPr>
        </p:nvSpPr>
        <p:spPr>
          <a:xfrm>
            <a:off x="1968751" y="3816770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2" name="Rectangle 11" hidden="1">
            <a:extLst>
              <a:ext uri="{FF2B5EF4-FFF2-40B4-BE49-F238E27FC236}">
                <a16:creationId xmlns:a16="http://schemas.microsoft.com/office/drawing/2014/main" id="{61E88A6D-11DA-46CC-83E3-D577ED0A94AE}"/>
              </a:ext>
            </a:extLst>
          </p:cNvPr>
          <p:cNvSpPr/>
          <p:nvPr userDrawn="1">
            <p:custDataLst>
              <p:tags r:id="rId32"/>
            </p:custDataLst>
          </p:nvPr>
        </p:nvSpPr>
        <p:spPr>
          <a:xfrm>
            <a:off x="2697976" y="3819989"/>
            <a:ext cx="559125" cy="7772012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3" name="Rectangle 12" hidden="1">
            <a:extLst>
              <a:ext uri="{FF2B5EF4-FFF2-40B4-BE49-F238E27FC236}">
                <a16:creationId xmlns:a16="http://schemas.microsoft.com/office/drawing/2014/main" id="{0EDC2FD0-CA18-4DB9-A51F-8FAA5B48F255}"/>
              </a:ext>
            </a:extLst>
          </p:cNvPr>
          <p:cNvSpPr/>
          <p:nvPr userDrawn="1">
            <p:custDataLst>
              <p:tags r:id="rId33"/>
            </p:custDataLst>
          </p:nvPr>
        </p:nvSpPr>
        <p:spPr>
          <a:xfrm>
            <a:off x="3427201" y="3819989"/>
            <a:ext cx="559125" cy="7772012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5" name="Rectangle 14" hidden="1">
            <a:extLst>
              <a:ext uri="{FF2B5EF4-FFF2-40B4-BE49-F238E27FC236}">
                <a16:creationId xmlns:a16="http://schemas.microsoft.com/office/drawing/2014/main" id="{EFC664E2-0D4D-48CF-BE80-BE1F32C218F8}"/>
              </a:ext>
            </a:extLst>
          </p:cNvPr>
          <p:cNvSpPr/>
          <p:nvPr userDrawn="1">
            <p:custDataLst>
              <p:tags r:id="rId34"/>
            </p:custDataLst>
          </p:nvPr>
        </p:nvSpPr>
        <p:spPr>
          <a:xfrm>
            <a:off x="4885652" y="3816770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6" name="Rectangle 15" hidden="1">
            <a:extLst>
              <a:ext uri="{FF2B5EF4-FFF2-40B4-BE49-F238E27FC236}">
                <a16:creationId xmlns:a16="http://schemas.microsoft.com/office/drawing/2014/main" id="{2D72954E-870D-4FF9-93C1-B4A3E0E8F3D9}"/>
              </a:ext>
            </a:extLst>
          </p:cNvPr>
          <p:cNvSpPr/>
          <p:nvPr userDrawn="1">
            <p:custDataLst>
              <p:tags r:id="rId35"/>
            </p:custDataLst>
          </p:nvPr>
        </p:nvSpPr>
        <p:spPr>
          <a:xfrm>
            <a:off x="5614877" y="3819989"/>
            <a:ext cx="559125" cy="7772012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7" name="Rectangle 16" hidden="1">
            <a:extLst>
              <a:ext uri="{FF2B5EF4-FFF2-40B4-BE49-F238E27FC236}">
                <a16:creationId xmlns:a16="http://schemas.microsoft.com/office/drawing/2014/main" id="{49A5D3DB-7DE4-4E3A-8096-6272FAE8D355}"/>
              </a:ext>
            </a:extLst>
          </p:cNvPr>
          <p:cNvSpPr/>
          <p:nvPr userDrawn="1">
            <p:custDataLst>
              <p:tags r:id="rId36"/>
            </p:custDataLst>
          </p:nvPr>
        </p:nvSpPr>
        <p:spPr>
          <a:xfrm>
            <a:off x="6344102" y="3816770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8" name="Rectangle 17" hidden="1">
            <a:extLst>
              <a:ext uri="{FF2B5EF4-FFF2-40B4-BE49-F238E27FC236}">
                <a16:creationId xmlns:a16="http://schemas.microsoft.com/office/drawing/2014/main" id="{1416A425-33B4-4430-A431-9ACE70E88B95}"/>
              </a:ext>
            </a:extLst>
          </p:cNvPr>
          <p:cNvSpPr/>
          <p:nvPr userDrawn="1">
            <p:custDataLst>
              <p:tags r:id="rId37"/>
            </p:custDataLst>
          </p:nvPr>
        </p:nvSpPr>
        <p:spPr>
          <a:xfrm>
            <a:off x="7073327" y="3816770"/>
            <a:ext cx="559125" cy="7775229"/>
          </a:xfrm>
          <a:prstGeom prst="rect">
            <a:avLst/>
          </a:prstGeom>
          <a:solidFill>
            <a:srgbClr val="EAEAEA">
              <a:alpha val="50000"/>
            </a:srgbClr>
          </a:solidFill>
          <a:ln w="12700" cap="flat" cmpd="sng" algn="ctr">
            <a:solidFill>
              <a:schemeClr val="accent1"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52338" tIns="26169" rIns="52338" bIns="26169" rtlCol="0" anchor="ctr"/>
          <a:lstStyle/>
          <a:p>
            <a:pPr algn="ctr"/>
            <a:endParaRPr lang="en-GB" sz="1454" noProof="0" dirty="0" err="1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52061CC-204A-F0F7-CBD7-021B40520DA1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ftr"/>
              </p:ext>
            </p:extLst>
          </p:nvPr>
        </p:nvSpPr>
        <p:spPr>
          <a:xfrm>
            <a:off x="0" y="12545569"/>
            <a:ext cx="335042" cy="100669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GB" sz="654">
                <a:solidFill>
                  <a:srgbClr val="0078D7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usiness</a:t>
            </a: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77" r:id="rId2"/>
    <p:sldLayoutId id="2147483737" r:id="rId3"/>
    <p:sldLayoutId id="2147483763" r:id="rId4"/>
    <p:sldLayoutId id="2147483731" r:id="rId5"/>
    <p:sldLayoutId id="2147483764" r:id="rId6"/>
    <p:sldLayoutId id="2147483732" r:id="rId7"/>
    <p:sldLayoutId id="2147483765" r:id="rId8"/>
    <p:sldLayoutId id="2147483766" r:id="rId9"/>
    <p:sldLayoutId id="2147483767" r:id="rId10"/>
    <p:sldLayoutId id="2147483768" r:id="rId11"/>
    <p:sldLayoutId id="2147483769" r:id="rId12"/>
    <p:sldLayoutId id="2147483770" r:id="rId13"/>
    <p:sldLayoutId id="2147483771" r:id="rId14"/>
    <p:sldLayoutId id="2147483772" r:id="rId15"/>
    <p:sldLayoutId id="2147483773" r:id="rId16"/>
    <p:sldLayoutId id="2147483775" r:id="rId17"/>
    <p:sldLayoutId id="2147483778" r:id="rId18"/>
    <p:sldLayoutId id="2147483774" r:id="rId19"/>
    <p:sldLayoutId id="2147483783" r:id="rId20"/>
    <p:sldLayoutId id="2147483782" r:id="rId21"/>
    <p:sldLayoutId id="2147483780" r:id="rId22"/>
    <p:sldLayoutId id="2147483743" r:id="rId23"/>
    <p:sldLayoutId id="2147483744" r:id="rId24"/>
    <p:sldLayoutId id="2147483762" r:id="rId25"/>
    <p:sldLayoutId id="2147483751" r:id="rId26"/>
  </p:sldLayoutIdLst>
  <p:hf hdr="0"/>
  <p:txStyles>
    <p:titleStyle>
      <a:lvl1pPr algn="l" defTabSz="664695" rtl="0" eaLnBrk="1" latinLnBrk="0" hangingPunct="1">
        <a:lnSpc>
          <a:spcPct val="83000"/>
        </a:lnSpc>
        <a:spcBef>
          <a:spcPct val="0"/>
        </a:spcBef>
        <a:buNone/>
        <a:defRPr sz="3198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57014" indent="-157014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•"/>
        <a:defRPr sz="1163" kern="1200">
          <a:solidFill>
            <a:schemeClr val="tx1"/>
          </a:solidFill>
          <a:latin typeface="+mn-lt"/>
          <a:ea typeface="+mn-ea"/>
          <a:cs typeface="+mn-cs"/>
        </a:defRPr>
      </a:lvl1pPr>
      <a:lvl2pPr marL="314029" indent="-157014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•"/>
        <a:defRPr sz="1163" kern="1200">
          <a:solidFill>
            <a:schemeClr val="tx1"/>
          </a:solidFill>
          <a:latin typeface="+mn-lt"/>
          <a:ea typeface="+mn-ea"/>
          <a:cs typeface="+mn-cs"/>
        </a:defRPr>
      </a:lvl2pPr>
      <a:lvl3pPr marL="471043" indent="-157014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•"/>
        <a:defRPr sz="1163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​"/>
        <a:defRPr sz="1454" b="1" kern="1200">
          <a:solidFill>
            <a:schemeClr val="tx2"/>
          </a:solidFill>
          <a:latin typeface="+mn-lt"/>
          <a:ea typeface="+mn-ea"/>
          <a:cs typeface="+mn-cs"/>
        </a:defRPr>
      </a:lvl4pPr>
      <a:lvl5pPr marL="0" indent="0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​"/>
        <a:tabLst/>
        <a:defRPr sz="1163" kern="1200">
          <a:solidFill>
            <a:schemeClr val="tx1"/>
          </a:solidFill>
          <a:latin typeface="+mn-lt"/>
          <a:ea typeface="+mn-ea"/>
          <a:cs typeface="+mn-cs"/>
        </a:defRPr>
      </a:lvl5pPr>
      <a:lvl6pPr marL="78507" indent="-78507" algn="l" defTabSz="664695" rtl="0" eaLnBrk="1" latinLnBrk="0" hangingPunct="1">
        <a:lnSpc>
          <a:spcPct val="100000"/>
        </a:lnSpc>
        <a:spcBef>
          <a:spcPts val="0"/>
        </a:spcBef>
        <a:spcAft>
          <a:spcPts val="437"/>
        </a:spcAft>
        <a:buFont typeface="Arial" panose="020B0604020202020204" pitchFamily="34" charset="0"/>
        <a:buChar char="•"/>
        <a:defRPr sz="728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​"/>
        <a:defRPr sz="728" b="1" kern="1200" baseline="0">
          <a:solidFill>
            <a:schemeClr val="tx2"/>
          </a:solidFill>
          <a:latin typeface="+mn-lt"/>
          <a:ea typeface="+mn-ea"/>
          <a:cs typeface="+mn-cs"/>
        </a:defRPr>
      </a:lvl7pPr>
      <a:lvl8pPr marL="0" indent="0" algn="l" defTabSz="664695" rtl="0" eaLnBrk="1" latinLnBrk="0" hangingPunct="1">
        <a:lnSpc>
          <a:spcPct val="100000"/>
        </a:lnSpc>
        <a:spcBef>
          <a:spcPts val="218"/>
        </a:spcBef>
        <a:spcAft>
          <a:spcPts val="437"/>
        </a:spcAft>
        <a:buFont typeface="Arial" panose="020B0604020202020204" pitchFamily="34" charset="0"/>
        <a:buChar char="​"/>
        <a:defRPr sz="728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664695" rtl="0" eaLnBrk="1" latinLnBrk="0" hangingPunct="1">
        <a:lnSpc>
          <a:spcPct val="90000"/>
        </a:lnSpc>
        <a:spcBef>
          <a:spcPts val="1745"/>
        </a:spcBef>
        <a:spcAft>
          <a:spcPts val="872"/>
        </a:spcAft>
        <a:buFont typeface="Arial" panose="020B0604020202020204" pitchFamily="34" charset="0"/>
        <a:buChar char="​"/>
        <a:defRPr sz="3198" kern="1200" baseline="0">
          <a:solidFill>
            <a:schemeClr val="tx2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1pPr>
      <a:lvl2pPr marL="332347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2pPr>
      <a:lvl3pPr marL="664695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3pPr>
      <a:lvl4pPr marL="997042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4pPr>
      <a:lvl5pPr marL="1329389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5pPr>
      <a:lvl6pPr marL="1661736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6pPr>
      <a:lvl7pPr marL="1994084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7pPr>
      <a:lvl8pPr marL="2326431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8pPr>
      <a:lvl9pPr marL="2658778" algn="l" defTabSz="664695" rtl="0" eaLnBrk="1" latinLnBrk="0" hangingPunct="1">
        <a:defRPr sz="1309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22" userDrawn="1">
          <p15:clr>
            <a:srgbClr val="F26B43"/>
          </p15:clr>
        </p15:guide>
        <p15:guide id="2" pos="5726" userDrawn="1">
          <p15:clr>
            <a:srgbClr val="F26B43"/>
          </p15:clr>
        </p15:guide>
        <p15:guide id="3" orient="horz" pos="761" userDrawn="1">
          <p15:clr>
            <a:srgbClr val="F26B43"/>
          </p15:clr>
        </p15:guide>
        <p15:guide id="4" orient="horz" pos="2227" userDrawn="1">
          <p15:clr>
            <a:srgbClr val="F26B43"/>
          </p15:clr>
        </p15:guide>
        <p15:guide id="5" pos="673" userDrawn="1">
          <p15:clr>
            <a:srgbClr val="F26B43"/>
          </p15:clr>
        </p15:guide>
        <p15:guide id="6" orient="horz" pos="2402" userDrawn="1">
          <p15:clr>
            <a:srgbClr val="F26B43"/>
          </p15:clr>
        </p15:guide>
        <p15:guide id="7" orient="horz" pos="7300" userDrawn="1">
          <p15:clr>
            <a:srgbClr val="F26B43"/>
          </p15:clr>
        </p15:guide>
        <p15:guide id="8" pos="780" userDrawn="1">
          <p15:clr>
            <a:srgbClr val="F26B43"/>
          </p15:clr>
        </p15:guide>
        <p15:guide id="9" pos="1133" userDrawn="1">
          <p15:clr>
            <a:srgbClr val="F26B43"/>
          </p15:clr>
        </p15:guide>
        <p15:guide id="10" pos="1239" userDrawn="1">
          <p15:clr>
            <a:srgbClr val="F26B43"/>
          </p15:clr>
        </p15:guide>
        <p15:guide id="11" pos="1592" userDrawn="1">
          <p15:clr>
            <a:srgbClr val="F26B43"/>
          </p15:clr>
        </p15:guide>
        <p15:guide id="12" pos="1700" userDrawn="1">
          <p15:clr>
            <a:srgbClr val="F26B43"/>
          </p15:clr>
        </p15:guide>
        <p15:guide id="13" pos="2051" userDrawn="1">
          <p15:clr>
            <a:srgbClr val="F26B43"/>
          </p15:clr>
        </p15:guide>
        <p15:guide id="15" pos="2159" userDrawn="1">
          <p15:clr>
            <a:srgbClr val="F26B43"/>
          </p15:clr>
        </p15:guide>
        <p15:guide id="16" pos="2510" userDrawn="1">
          <p15:clr>
            <a:srgbClr val="F26B43"/>
          </p15:clr>
        </p15:guide>
        <p15:guide id="17" pos="2618" userDrawn="1">
          <p15:clr>
            <a:srgbClr val="F26B43"/>
          </p15:clr>
        </p15:guide>
        <p15:guide id="18" pos="2969" userDrawn="1">
          <p15:clr>
            <a:srgbClr val="F26B43"/>
          </p15:clr>
        </p15:guide>
        <p15:guide id="19" pos="3077" userDrawn="1">
          <p15:clr>
            <a:srgbClr val="F26B43"/>
          </p15:clr>
        </p15:guide>
        <p15:guide id="20" pos="3430" userDrawn="1">
          <p15:clr>
            <a:srgbClr val="F26B43"/>
          </p15:clr>
        </p15:guide>
        <p15:guide id="21" pos="3536" userDrawn="1">
          <p15:clr>
            <a:srgbClr val="F26B43"/>
          </p15:clr>
        </p15:guide>
        <p15:guide id="22" pos="3889" userDrawn="1">
          <p15:clr>
            <a:srgbClr val="F26B43"/>
          </p15:clr>
        </p15:guide>
        <p15:guide id="23" pos="3996" userDrawn="1">
          <p15:clr>
            <a:srgbClr val="F26B43"/>
          </p15:clr>
        </p15:guide>
        <p15:guide id="24" pos="4348" userDrawn="1">
          <p15:clr>
            <a:srgbClr val="F26B43"/>
          </p15:clr>
        </p15:guide>
        <p15:guide id="25" pos="4455" userDrawn="1">
          <p15:clr>
            <a:srgbClr val="F26B43"/>
          </p15:clr>
        </p15:guide>
        <p15:guide id="26" pos="4808" userDrawn="1">
          <p15:clr>
            <a:srgbClr val="F26B43"/>
          </p15:clr>
        </p15:guide>
        <p15:guide id="27" pos="4915" userDrawn="1">
          <p15:clr>
            <a:srgbClr val="F26B43"/>
          </p15:clr>
        </p15:guide>
        <p15:guide id="28" pos="5267" userDrawn="1">
          <p15:clr>
            <a:srgbClr val="F26B43"/>
          </p15:clr>
        </p15:guide>
        <p15:guide id="29" pos="537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6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 descr="Image preview">
            <a:extLst>
              <a:ext uri="{FF2B5EF4-FFF2-40B4-BE49-F238E27FC236}">
                <a16:creationId xmlns:a16="http://schemas.microsoft.com/office/drawing/2014/main" id="{F38A21C2-28CB-431A-A6DD-D790C262DC2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04097" y="141099"/>
            <a:ext cx="1663387" cy="1255542"/>
          </a:xfrm>
          <a:prstGeom prst="rect">
            <a:avLst/>
          </a:prstGeom>
          <a:noFill/>
          <a:ln>
            <a:noFill/>
          </a:ln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350439BC-A1C9-DC7F-A318-5356077CCE3A}"/>
              </a:ext>
            </a:extLst>
          </p:cNvPr>
          <p:cNvSpPr txBox="1"/>
          <p:nvPr/>
        </p:nvSpPr>
        <p:spPr>
          <a:xfrm>
            <a:off x="2297103" y="857800"/>
            <a:ext cx="5009385" cy="39780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en-GB" sz="2585" b="1" dirty="0"/>
              <a:t>WELFARE AND SAFEGUARDING</a:t>
            </a:r>
          </a:p>
        </p:txBody>
      </p:sp>
      <p:sp>
        <p:nvSpPr>
          <p:cNvPr id="18" name="Arrow: Right 17">
            <a:extLst>
              <a:ext uri="{FF2B5EF4-FFF2-40B4-BE49-F238E27FC236}">
                <a16:creationId xmlns:a16="http://schemas.microsoft.com/office/drawing/2014/main" id="{5935459F-FB64-681E-8BB7-DDC30742FE42}"/>
              </a:ext>
            </a:extLst>
          </p:cNvPr>
          <p:cNvSpPr/>
          <p:nvPr/>
        </p:nvSpPr>
        <p:spPr>
          <a:xfrm>
            <a:off x="6186" y="1255601"/>
            <a:ext cx="1255059" cy="611454"/>
          </a:xfrm>
          <a:prstGeom prst="rightArrow">
            <a:avLst/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/>
              <a:t>TRIGGER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15526A9-E229-EA09-6255-442D2C1B1AD7}"/>
              </a:ext>
            </a:extLst>
          </p:cNvPr>
          <p:cNvSpPr/>
          <p:nvPr/>
        </p:nvSpPr>
        <p:spPr>
          <a:xfrm>
            <a:off x="1398494" y="1324028"/>
            <a:ext cx="1255059" cy="470414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noProof="0" dirty="0">
                <a:solidFill>
                  <a:schemeClr val="tx1"/>
                </a:solidFill>
              </a:rPr>
              <a:t>ACCIDENT</a:t>
            </a:r>
          </a:p>
        </p:txBody>
      </p:sp>
      <p:sp>
        <p:nvSpPr>
          <p:cNvPr id="20" name="Arrow: Down 19">
            <a:extLst>
              <a:ext uri="{FF2B5EF4-FFF2-40B4-BE49-F238E27FC236}">
                <a16:creationId xmlns:a16="http://schemas.microsoft.com/office/drawing/2014/main" id="{2FD853DA-60C9-9334-2E34-5812D194EC74}"/>
              </a:ext>
            </a:extLst>
          </p:cNvPr>
          <p:cNvSpPr/>
          <p:nvPr/>
        </p:nvSpPr>
        <p:spPr>
          <a:xfrm rot="2658555">
            <a:off x="1400559" y="1868682"/>
            <a:ext cx="522091" cy="611454"/>
          </a:xfrm>
          <a:prstGeom prst="downArrow">
            <a:avLst/>
          </a:prstGeom>
          <a:solidFill>
            <a:schemeClr val="tx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31651183-7BEA-7094-8E34-7540BD0472A9}"/>
              </a:ext>
            </a:extLst>
          </p:cNvPr>
          <p:cNvSpPr/>
          <p:nvPr/>
        </p:nvSpPr>
        <p:spPr>
          <a:xfrm>
            <a:off x="197223" y="2554375"/>
            <a:ext cx="1255059" cy="802241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ACCIDENT REPORTING PROCEDURE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C17C18B-3D1B-100A-133E-C78F3958436E}"/>
              </a:ext>
            </a:extLst>
          </p:cNvPr>
          <p:cNvSpPr/>
          <p:nvPr/>
        </p:nvSpPr>
        <p:spPr>
          <a:xfrm>
            <a:off x="3185883" y="1324095"/>
            <a:ext cx="2587388" cy="4703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noProof="0" dirty="0">
                <a:solidFill>
                  <a:schemeClr val="tx1"/>
                </a:solidFill>
              </a:rPr>
              <a:t>SPECIFIC WELFARE CONCERN - INCIDENT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43D1DAAB-1C56-5CB9-365A-525092C643B1}"/>
              </a:ext>
            </a:extLst>
          </p:cNvPr>
          <p:cNvSpPr/>
          <p:nvPr/>
        </p:nvSpPr>
        <p:spPr>
          <a:xfrm>
            <a:off x="6305601" y="1324095"/>
            <a:ext cx="3011507" cy="4703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noProof="0" dirty="0">
                <a:solidFill>
                  <a:schemeClr val="tx1"/>
                </a:solidFill>
              </a:rPr>
              <a:t>GENERAL WELFARE CONCERN – OBSERVED BEHAVIOUR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F42B40D-A95F-237A-B172-0B80E72A0C34}"/>
              </a:ext>
            </a:extLst>
          </p:cNvPr>
          <p:cNvSpPr/>
          <p:nvPr/>
        </p:nvSpPr>
        <p:spPr>
          <a:xfrm>
            <a:off x="3224518" y="2153254"/>
            <a:ext cx="1255059" cy="802241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REPORT TO WELFARE LEAD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0AE86549-6480-C5A0-27BC-9F9842B6446E}"/>
              </a:ext>
            </a:extLst>
          </p:cNvPr>
          <p:cNvSpPr/>
          <p:nvPr/>
        </p:nvSpPr>
        <p:spPr>
          <a:xfrm>
            <a:off x="6305601" y="2113342"/>
            <a:ext cx="1255059" cy="802241"/>
          </a:xfrm>
          <a:prstGeom prst="rect">
            <a:avLst/>
          </a:prstGeom>
          <a:noFill/>
          <a:ln w="28575"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INITIAL REPORT TO COACH</a:t>
            </a: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6606E8A9-B258-E82B-8FDA-F403B516FD30}"/>
              </a:ext>
            </a:extLst>
          </p:cNvPr>
          <p:cNvSpPr/>
          <p:nvPr/>
        </p:nvSpPr>
        <p:spPr>
          <a:xfrm>
            <a:off x="8062049" y="2113341"/>
            <a:ext cx="1255059" cy="802241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REPORT TO WELFARE LEAD</a:t>
            </a: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E987F5A9-912A-D176-CCD6-3E0CDFD58E44}"/>
              </a:ext>
            </a:extLst>
          </p:cNvPr>
          <p:cNvCxnSpPr>
            <a:endCxn id="24" idx="0"/>
          </p:cNvCxnSpPr>
          <p:nvPr/>
        </p:nvCxnSpPr>
        <p:spPr>
          <a:xfrm>
            <a:off x="3852047" y="1794442"/>
            <a:ext cx="1" cy="358812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Arrow Connector 35">
            <a:extLst>
              <a:ext uri="{FF2B5EF4-FFF2-40B4-BE49-F238E27FC236}">
                <a16:creationId xmlns:a16="http://schemas.microsoft.com/office/drawing/2014/main" id="{93D2C254-F551-865D-9548-9DC85B5ACD80}"/>
              </a:ext>
            </a:extLst>
          </p:cNvPr>
          <p:cNvCxnSpPr/>
          <p:nvPr/>
        </p:nvCxnSpPr>
        <p:spPr>
          <a:xfrm>
            <a:off x="8689578" y="1788888"/>
            <a:ext cx="1" cy="358812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7" name="Straight Arrow Connector 36">
            <a:extLst>
              <a:ext uri="{FF2B5EF4-FFF2-40B4-BE49-F238E27FC236}">
                <a16:creationId xmlns:a16="http://schemas.microsoft.com/office/drawing/2014/main" id="{8FD81BE8-9E4C-1239-3A1B-53FF1E78E1AE}"/>
              </a:ext>
            </a:extLst>
          </p:cNvPr>
          <p:cNvCxnSpPr/>
          <p:nvPr/>
        </p:nvCxnSpPr>
        <p:spPr>
          <a:xfrm>
            <a:off x="6933130" y="1793838"/>
            <a:ext cx="1" cy="358812"/>
          </a:xfrm>
          <a:prstGeom prst="straightConnector1">
            <a:avLst/>
          </a:prstGeom>
          <a:ln w="57150">
            <a:solidFill>
              <a:schemeClr val="tx1"/>
            </a:solidFill>
            <a:prstDash val="sysDot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65AF2C1C-AD7E-6C99-3C89-9A1BFF4FAC18}"/>
              </a:ext>
            </a:extLst>
          </p:cNvPr>
          <p:cNvCxnSpPr>
            <a:stCxn id="25" idx="3"/>
            <a:endCxn id="26" idx="1"/>
          </p:cNvCxnSpPr>
          <p:nvPr/>
        </p:nvCxnSpPr>
        <p:spPr>
          <a:xfrm flipV="1">
            <a:off x="7560660" y="2514462"/>
            <a:ext cx="501389" cy="1"/>
          </a:xfrm>
          <a:prstGeom prst="straightConnector1">
            <a:avLst/>
          </a:prstGeom>
          <a:ln w="57150">
            <a:solidFill>
              <a:schemeClr val="tx1"/>
            </a:solidFill>
            <a:prstDash val="sysDash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0" name="Rectangle 39">
            <a:extLst>
              <a:ext uri="{FF2B5EF4-FFF2-40B4-BE49-F238E27FC236}">
                <a16:creationId xmlns:a16="http://schemas.microsoft.com/office/drawing/2014/main" id="{5577A2BC-CE92-236E-3B30-B9A450D15323}"/>
              </a:ext>
            </a:extLst>
          </p:cNvPr>
          <p:cNvSpPr/>
          <p:nvPr/>
        </p:nvSpPr>
        <p:spPr>
          <a:xfrm>
            <a:off x="3224518" y="3362699"/>
            <a:ext cx="6092590" cy="802239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noProof="0" dirty="0">
                <a:solidFill>
                  <a:schemeClr val="tx1"/>
                </a:solidFill>
              </a:rPr>
              <a:t>WELFARE LEAD ALLOCATES CASE TO WELFARE OFFICER</a:t>
            </a:r>
          </a:p>
          <a:p>
            <a:pPr algn="ctr"/>
            <a:r>
              <a:rPr lang="en-GB" sz="1600" dirty="0">
                <a:solidFill>
                  <a:schemeClr val="tx1"/>
                </a:solidFill>
              </a:rPr>
              <a:t>Consider conflicts / sensitivities / confidentiality / who is involved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grpSp>
        <p:nvGrpSpPr>
          <p:cNvPr id="54" name="Group 53">
            <a:extLst>
              <a:ext uri="{FF2B5EF4-FFF2-40B4-BE49-F238E27FC236}">
                <a16:creationId xmlns:a16="http://schemas.microsoft.com/office/drawing/2014/main" id="{9AFED1D0-3FD6-D3E2-E6AE-9F62B57D3FBD}"/>
              </a:ext>
            </a:extLst>
          </p:cNvPr>
          <p:cNvGrpSpPr/>
          <p:nvPr/>
        </p:nvGrpSpPr>
        <p:grpSpPr>
          <a:xfrm>
            <a:off x="3852047" y="2915582"/>
            <a:ext cx="4834754" cy="200081"/>
            <a:chOff x="3852047" y="2915582"/>
            <a:chExt cx="4834754" cy="200081"/>
          </a:xfrm>
        </p:grpSpPr>
        <p:cxnSp>
          <p:nvCxnSpPr>
            <p:cNvPr id="47" name="Straight Connector 46">
              <a:extLst>
                <a:ext uri="{FF2B5EF4-FFF2-40B4-BE49-F238E27FC236}">
                  <a16:creationId xmlns:a16="http://schemas.microsoft.com/office/drawing/2014/main" id="{5E25F1C2-A74F-CD1A-04F0-F190269573DB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8686800" y="2915582"/>
              <a:ext cx="1" cy="200081"/>
            </a:xfrm>
            <a:prstGeom prst="line">
              <a:avLst/>
            </a:prstGeom>
            <a:ln w="5715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Straight Connector 50">
              <a:extLst>
                <a:ext uri="{FF2B5EF4-FFF2-40B4-BE49-F238E27FC236}">
                  <a16:creationId xmlns:a16="http://schemas.microsoft.com/office/drawing/2014/main" id="{018F7757-98DB-F28C-3588-A7F37256B209}"/>
                </a:ext>
              </a:extLst>
            </p:cNvPr>
            <p:cNvCxnSpPr/>
            <p:nvPr/>
          </p:nvCxnSpPr>
          <p:spPr>
            <a:xfrm flipH="1">
              <a:off x="3852047" y="3115663"/>
              <a:ext cx="4834753" cy="0"/>
            </a:xfrm>
            <a:prstGeom prst="line">
              <a:avLst/>
            </a:prstGeom>
            <a:ln w="5715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Straight Connector 52">
              <a:extLst>
                <a:ext uri="{FF2B5EF4-FFF2-40B4-BE49-F238E27FC236}">
                  <a16:creationId xmlns:a16="http://schemas.microsoft.com/office/drawing/2014/main" id="{650B864C-90FC-4A8F-DE50-26A83FCDAF6D}"/>
                </a:ext>
              </a:extLst>
            </p:cNvPr>
            <p:cNvCxnSpPr>
              <a:endCxn id="24" idx="2"/>
            </p:cNvCxnSpPr>
            <p:nvPr/>
          </p:nvCxnSpPr>
          <p:spPr>
            <a:xfrm flipV="1">
              <a:off x="3852047" y="2955495"/>
              <a:ext cx="1" cy="160168"/>
            </a:xfrm>
            <a:prstGeom prst="line">
              <a:avLst/>
            </a:prstGeom>
            <a:ln w="57150">
              <a:solidFill>
                <a:schemeClr val="tx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56" name="Straight Arrow Connector 55">
            <a:extLst>
              <a:ext uri="{FF2B5EF4-FFF2-40B4-BE49-F238E27FC236}">
                <a16:creationId xmlns:a16="http://schemas.microsoft.com/office/drawing/2014/main" id="{17D0A011-32EC-DC15-CFED-79ABCD822ADE}"/>
              </a:ext>
            </a:extLst>
          </p:cNvPr>
          <p:cNvCxnSpPr/>
          <p:nvPr/>
        </p:nvCxnSpPr>
        <p:spPr>
          <a:xfrm>
            <a:off x="6131859" y="3115663"/>
            <a:ext cx="0" cy="240953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7" name="Rectangle 56">
            <a:extLst>
              <a:ext uri="{FF2B5EF4-FFF2-40B4-BE49-F238E27FC236}">
                <a16:creationId xmlns:a16="http://schemas.microsoft.com/office/drawing/2014/main" id="{A5A1EAA8-1AE6-6F13-0333-A96CB9F18290}"/>
              </a:ext>
            </a:extLst>
          </p:cNvPr>
          <p:cNvSpPr/>
          <p:nvPr/>
        </p:nvSpPr>
        <p:spPr>
          <a:xfrm>
            <a:off x="4973272" y="4501531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WELFARE INCIDENT FORM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01419442-7DF0-181D-8E39-569CC1814C0A}"/>
              </a:ext>
            </a:extLst>
          </p:cNvPr>
          <p:cNvSpPr/>
          <p:nvPr/>
        </p:nvSpPr>
        <p:spPr>
          <a:xfrm>
            <a:off x="2156647" y="5685653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FURTHER INVESTIGATION REQUIRED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21CCE8C1-58FE-31EE-0D23-8001D2C282FE}"/>
              </a:ext>
            </a:extLst>
          </p:cNvPr>
          <p:cNvSpPr/>
          <p:nvPr/>
        </p:nvSpPr>
        <p:spPr>
          <a:xfrm>
            <a:off x="2156647" y="6895096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INFORM PARENT AND COACH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FB389780-8236-A2C4-B521-D19D46702F1A}"/>
              </a:ext>
            </a:extLst>
          </p:cNvPr>
          <p:cNvSpPr/>
          <p:nvPr/>
        </p:nvSpPr>
        <p:spPr>
          <a:xfrm>
            <a:off x="2156648" y="8104539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CONDUCT INVESTIGATION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DED6F443-0B9E-3B77-28FD-27E9E62AA491}"/>
              </a:ext>
            </a:extLst>
          </p:cNvPr>
          <p:cNvSpPr/>
          <p:nvPr/>
        </p:nvSpPr>
        <p:spPr>
          <a:xfrm>
            <a:off x="2163988" y="9313982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REMEDIAL ACTION AS APPLICABLE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2" name="Rectangle 61">
            <a:extLst>
              <a:ext uri="{FF2B5EF4-FFF2-40B4-BE49-F238E27FC236}">
                <a16:creationId xmlns:a16="http://schemas.microsoft.com/office/drawing/2014/main" id="{9E93FF28-C1FB-1802-3F14-C91CCE1060F4}"/>
              </a:ext>
            </a:extLst>
          </p:cNvPr>
          <p:cNvSpPr/>
          <p:nvPr/>
        </p:nvSpPr>
        <p:spPr>
          <a:xfrm>
            <a:off x="294764" y="10473278"/>
            <a:ext cx="146231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TRAINING / RETRAINING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3C85B5FE-73F1-6BE9-D584-4719E399B5E8}"/>
              </a:ext>
            </a:extLst>
          </p:cNvPr>
          <p:cNvSpPr/>
          <p:nvPr/>
        </p:nvSpPr>
        <p:spPr>
          <a:xfrm>
            <a:off x="2297102" y="10473278"/>
            <a:ext cx="1790803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IMPROVEMENT PLAN WITH LINE MANAGER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929B79E8-EBFB-8016-807E-648440EA95B1}"/>
              </a:ext>
            </a:extLst>
          </p:cNvPr>
          <p:cNvSpPr/>
          <p:nvPr/>
        </p:nvSpPr>
        <p:spPr>
          <a:xfrm>
            <a:off x="4627925" y="10473277"/>
            <a:ext cx="1790803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REFERRAL FOR FURTHER ACTION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12E1298D-BEBD-CE27-774B-7D7C2702610D}"/>
              </a:ext>
            </a:extLst>
          </p:cNvPr>
          <p:cNvSpPr/>
          <p:nvPr/>
        </p:nvSpPr>
        <p:spPr>
          <a:xfrm>
            <a:off x="6729720" y="5652021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NO FURTHER ACTION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77187F82-F8E3-D40F-D17F-7E7CC8486D66}"/>
              </a:ext>
            </a:extLst>
          </p:cNvPr>
          <p:cNvSpPr/>
          <p:nvPr/>
        </p:nvSpPr>
        <p:spPr>
          <a:xfrm>
            <a:off x="6729720" y="6857011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INFORM PARENT AND COACH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FDE4EB67-2813-79F0-1FA4-46A556A2C602}"/>
              </a:ext>
            </a:extLst>
          </p:cNvPr>
          <p:cNvSpPr/>
          <p:nvPr/>
        </p:nvSpPr>
        <p:spPr>
          <a:xfrm>
            <a:off x="6729720" y="8104538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FILE FORM WITH WELFARE LEAD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68" name="Left Brace 67">
            <a:extLst>
              <a:ext uri="{FF2B5EF4-FFF2-40B4-BE49-F238E27FC236}">
                <a16:creationId xmlns:a16="http://schemas.microsoft.com/office/drawing/2014/main" id="{3136CD86-40EA-9C6F-A04F-E5590ED75D48}"/>
              </a:ext>
            </a:extLst>
          </p:cNvPr>
          <p:cNvSpPr/>
          <p:nvPr/>
        </p:nvSpPr>
        <p:spPr>
          <a:xfrm>
            <a:off x="1583967" y="6895096"/>
            <a:ext cx="495837" cy="1924589"/>
          </a:xfrm>
          <a:prstGeom prst="leftBrac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69" name="Rectangle 68">
            <a:extLst>
              <a:ext uri="{FF2B5EF4-FFF2-40B4-BE49-F238E27FC236}">
                <a16:creationId xmlns:a16="http://schemas.microsoft.com/office/drawing/2014/main" id="{C89B9A54-61F7-46DB-9D91-F4524EB5D9E7}"/>
              </a:ext>
            </a:extLst>
          </p:cNvPr>
          <p:cNvSpPr/>
          <p:nvPr/>
        </p:nvSpPr>
        <p:spPr>
          <a:xfrm>
            <a:off x="83228" y="6904283"/>
            <a:ext cx="1462318" cy="2079434"/>
          </a:xfrm>
          <a:prstGeom prst="rect">
            <a:avLst/>
          </a:prstGeom>
          <a:noFill/>
          <a:ln w="28575"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DISCUSS AND AGREE WHETHER GYMNAST AND COACH SHOULD BE SEPARATED PENDING INVESTIGATION</a:t>
            </a:r>
          </a:p>
        </p:txBody>
      </p:sp>
      <p:sp>
        <p:nvSpPr>
          <p:cNvPr id="70" name="Rectangle 69">
            <a:extLst>
              <a:ext uri="{FF2B5EF4-FFF2-40B4-BE49-F238E27FC236}">
                <a16:creationId xmlns:a16="http://schemas.microsoft.com/office/drawing/2014/main" id="{B18F6AD6-FE3C-79A0-74F3-3DF18975262A}"/>
              </a:ext>
            </a:extLst>
          </p:cNvPr>
          <p:cNvSpPr/>
          <p:nvPr/>
        </p:nvSpPr>
        <p:spPr>
          <a:xfrm>
            <a:off x="143435" y="5652021"/>
            <a:ext cx="1402111" cy="802241"/>
          </a:xfrm>
          <a:prstGeom prst="rect">
            <a:avLst/>
          </a:prstGeom>
          <a:noFill/>
          <a:ln w="28575">
            <a:solidFill>
              <a:schemeClr val="tx1"/>
            </a:solidFill>
            <a:prstDash val="sys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400" noProof="0" dirty="0">
                <a:solidFill>
                  <a:schemeClr val="tx1"/>
                </a:solidFill>
              </a:rPr>
              <a:t>LIAISE WITH HR </a:t>
            </a:r>
          </a:p>
        </p:txBody>
      </p: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B2D21BC7-863A-51BE-C6ED-3764958FF52F}"/>
              </a:ext>
            </a:extLst>
          </p:cNvPr>
          <p:cNvCxnSpPr>
            <a:stCxn id="58" idx="2"/>
            <a:endCxn id="59" idx="0"/>
          </p:cNvCxnSpPr>
          <p:nvPr/>
        </p:nvCxnSpPr>
        <p:spPr>
          <a:xfrm>
            <a:off x="3450341" y="6400800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Straight Connector 72">
            <a:extLst>
              <a:ext uri="{FF2B5EF4-FFF2-40B4-BE49-F238E27FC236}">
                <a16:creationId xmlns:a16="http://schemas.microsoft.com/office/drawing/2014/main" id="{7B0CB1A3-489A-68B0-6946-1E6043AAC39C}"/>
              </a:ext>
            </a:extLst>
          </p:cNvPr>
          <p:cNvCxnSpPr/>
          <p:nvPr/>
        </p:nvCxnSpPr>
        <p:spPr>
          <a:xfrm>
            <a:off x="3450341" y="7572158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Connector 73">
            <a:extLst>
              <a:ext uri="{FF2B5EF4-FFF2-40B4-BE49-F238E27FC236}">
                <a16:creationId xmlns:a16="http://schemas.microsoft.com/office/drawing/2014/main" id="{A94BD58C-0CF4-19E8-2259-7DDE1406B99A}"/>
              </a:ext>
            </a:extLst>
          </p:cNvPr>
          <p:cNvCxnSpPr/>
          <p:nvPr/>
        </p:nvCxnSpPr>
        <p:spPr>
          <a:xfrm>
            <a:off x="3450341" y="8819685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AA260C76-4681-748E-E2BC-500DEECFF3DC}"/>
              </a:ext>
            </a:extLst>
          </p:cNvPr>
          <p:cNvCxnSpPr/>
          <p:nvPr/>
        </p:nvCxnSpPr>
        <p:spPr>
          <a:xfrm>
            <a:off x="8062049" y="6362715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>
            <a:extLst>
              <a:ext uri="{FF2B5EF4-FFF2-40B4-BE49-F238E27FC236}">
                <a16:creationId xmlns:a16="http://schemas.microsoft.com/office/drawing/2014/main" id="{23EB434B-518A-0F6F-6E55-E491E75AD382}"/>
              </a:ext>
            </a:extLst>
          </p:cNvPr>
          <p:cNvCxnSpPr/>
          <p:nvPr/>
        </p:nvCxnSpPr>
        <p:spPr>
          <a:xfrm>
            <a:off x="8062049" y="7572158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Arrow Connector 77">
            <a:extLst>
              <a:ext uri="{FF2B5EF4-FFF2-40B4-BE49-F238E27FC236}">
                <a16:creationId xmlns:a16="http://schemas.microsoft.com/office/drawing/2014/main" id="{875E75FE-15CB-20D6-B017-5A6F63E38AAC}"/>
              </a:ext>
            </a:extLst>
          </p:cNvPr>
          <p:cNvCxnSpPr/>
          <p:nvPr/>
        </p:nvCxnSpPr>
        <p:spPr>
          <a:xfrm flipH="1">
            <a:off x="4087905" y="5216678"/>
            <a:ext cx="1541930" cy="435343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B2A65B56-1FDC-7FD5-FB2C-2F281A4A733B}"/>
              </a:ext>
            </a:extLst>
          </p:cNvPr>
          <p:cNvCxnSpPr>
            <a:endCxn id="65" idx="0"/>
          </p:cNvCxnSpPr>
          <p:nvPr/>
        </p:nvCxnSpPr>
        <p:spPr>
          <a:xfrm>
            <a:off x="6933130" y="5216678"/>
            <a:ext cx="1090284" cy="435343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Arrow Connector 81">
            <a:extLst>
              <a:ext uri="{FF2B5EF4-FFF2-40B4-BE49-F238E27FC236}">
                <a16:creationId xmlns:a16="http://schemas.microsoft.com/office/drawing/2014/main" id="{E66C75D3-F86C-DA9F-B295-298B39677B85}"/>
              </a:ext>
            </a:extLst>
          </p:cNvPr>
          <p:cNvCxnSpPr/>
          <p:nvPr/>
        </p:nvCxnSpPr>
        <p:spPr>
          <a:xfrm flipH="1">
            <a:off x="1261245" y="10029129"/>
            <a:ext cx="1571602" cy="444148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122FE40D-FA10-DDD8-7429-545A427E2E79}"/>
              </a:ext>
            </a:extLst>
          </p:cNvPr>
          <p:cNvCxnSpPr>
            <a:endCxn id="64" idx="0"/>
          </p:cNvCxnSpPr>
          <p:nvPr/>
        </p:nvCxnSpPr>
        <p:spPr>
          <a:xfrm>
            <a:off x="4213412" y="10029129"/>
            <a:ext cx="1201270" cy="444148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819AEDA9-4FE3-7A53-A970-179FF9C56610}"/>
              </a:ext>
            </a:extLst>
          </p:cNvPr>
          <p:cNvCxnSpPr>
            <a:stCxn id="61" idx="2"/>
          </p:cNvCxnSpPr>
          <p:nvPr/>
        </p:nvCxnSpPr>
        <p:spPr>
          <a:xfrm flipH="1">
            <a:off x="3450341" y="10029129"/>
            <a:ext cx="7341" cy="435343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Straight Connector 87">
            <a:extLst>
              <a:ext uri="{FF2B5EF4-FFF2-40B4-BE49-F238E27FC236}">
                <a16:creationId xmlns:a16="http://schemas.microsoft.com/office/drawing/2014/main" id="{E0FF406C-C1CD-980F-C457-F7CAB21F6A21}"/>
              </a:ext>
            </a:extLst>
          </p:cNvPr>
          <p:cNvCxnSpPr/>
          <p:nvPr/>
        </p:nvCxnSpPr>
        <p:spPr>
          <a:xfrm>
            <a:off x="6131859" y="4164938"/>
            <a:ext cx="0" cy="336593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0" name="Rectangle 89">
            <a:extLst>
              <a:ext uri="{FF2B5EF4-FFF2-40B4-BE49-F238E27FC236}">
                <a16:creationId xmlns:a16="http://schemas.microsoft.com/office/drawing/2014/main" id="{CF32A90F-B8AF-8588-D496-7BE2D4FA82F9}"/>
              </a:ext>
            </a:extLst>
          </p:cNvPr>
          <p:cNvSpPr/>
          <p:nvPr/>
        </p:nvSpPr>
        <p:spPr>
          <a:xfrm>
            <a:off x="6768355" y="9313981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CONTINUED AD HOC CHECK INS / OBSERVATION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sp>
        <p:nvSpPr>
          <p:cNvPr id="91" name="Rectangle 90">
            <a:extLst>
              <a:ext uri="{FF2B5EF4-FFF2-40B4-BE49-F238E27FC236}">
                <a16:creationId xmlns:a16="http://schemas.microsoft.com/office/drawing/2014/main" id="{F14DE26A-41F7-E423-FB39-97754FE8F1F9}"/>
              </a:ext>
            </a:extLst>
          </p:cNvPr>
          <p:cNvSpPr/>
          <p:nvPr/>
        </p:nvSpPr>
        <p:spPr>
          <a:xfrm>
            <a:off x="2156647" y="11657399"/>
            <a:ext cx="2587388" cy="715147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dirty="0">
                <a:solidFill>
                  <a:schemeClr val="tx1"/>
                </a:solidFill>
              </a:rPr>
              <a:t>REVIEW AND OBSERVATION TO MONITO</a:t>
            </a:r>
            <a:endParaRPr lang="en-GB" sz="1600" noProof="0" dirty="0">
              <a:solidFill>
                <a:schemeClr val="tx1"/>
              </a:solidFill>
            </a:endParaRPr>
          </a:p>
        </p:txBody>
      </p:sp>
      <p:cxnSp>
        <p:nvCxnSpPr>
          <p:cNvPr id="92" name="Straight Connector 91">
            <a:extLst>
              <a:ext uri="{FF2B5EF4-FFF2-40B4-BE49-F238E27FC236}">
                <a16:creationId xmlns:a16="http://schemas.microsoft.com/office/drawing/2014/main" id="{C20D7044-5AEE-468C-B74B-E6FC9DB0278F}"/>
              </a:ext>
            </a:extLst>
          </p:cNvPr>
          <p:cNvCxnSpPr/>
          <p:nvPr/>
        </p:nvCxnSpPr>
        <p:spPr>
          <a:xfrm>
            <a:off x="8102710" y="8819685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3" name="Straight Connector 92">
            <a:extLst>
              <a:ext uri="{FF2B5EF4-FFF2-40B4-BE49-F238E27FC236}">
                <a16:creationId xmlns:a16="http://schemas.microsoft.com/office/drawing/2014/main" id="{79E1E4B8-F008-1141-512C-23DB65A951E6}"/>
              </a:ext>
            </a:extLst>
          </p:cNvPr>
          <p:cNvCxnSpPr/>
          <p:nvPr/>
        </p:nvCxnSpPr>
        <p:spPr>
          <a:xfrm>
            <a:off x="3457682" y="11163103"/>
            <a:ext cx="0" cy="494296"/>
          </a:xfrm>
          <a:prstGeom prst="line">
            <a:avLst/>
          </a:prstGeom>
          <a:ln w="5715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5" name="Straight Arrow Connector 94">
            <a:extLst>
              <a:ext uri="{FF2B5EF4-FFF2-40B4-BE49-F238E27FC236}">
                <a16:creationId xmlns:a16="http://schemas.microsoft.com/office/drawing/2014/main" id="{90C0FD8F-4B5E-8F6F-F0CF-E69524E4F8CD}"/>
              </a:ext>
            </a:extLst>
          </p:cNvPr>
          <p:cNvCxnSpPr/>
          <p:nvPr/>
        </p:nvCxnSpPr>
        <p:spPr>
          <a:xfrm>
            <a:off x="1398494" y="11188424"/>
            <a:ext cx="1613647" cy="468975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7" name="Straight Arrow Connector 96">
            <a:extLst>
              <a:ext uri="{FF2B5EF4-FFF2-40B4-BE49-F238E27FC236}">
                <a16:creationId xmlns:a16="http://schemas.microsoft.com/office/drawing/2014/main" id="{F2F337F1-0C24-DA08-ECA3-2210566D1C74}"/>
              </a:ext>
            </a:extLst>
          </p:cNvPr>
          <p:cNvCxnSpPr>
            <a:stCxn id="64" idx="2"/>
          </p:cNvCxnSpPr>
          <p:nvPr/>
        </p:nvCxnSpPr>
        <p:spPr>
          <a:xfrm flipH="1">
            <a:off x="4087905" y="11188424"/>
            <a:ext cx="1435422" cy="468975"/>
          </a:xfrm>
          <a:prstGeom prst="straightConnector1">
            <a:avLst/>
          </a:prstGeom>
          <a:ln w="571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8" name="Rectangle 97">
            <a:extLst>
              <a:ext uri="{FF2B5EF4-FFF2-40B4-BE49-F238E27FC236}">
                <a16:creationId xmlns:a16="http://schemas.microsoft.com/office/drawing/2014/main" id="{96303030-B7A9-FDAA-4427-84324CC51D23}"/>
              </a:ext>
            </a:extLst>
          </p:cNvPr>
          <p:cNvSpPr/>
          <p:nvPr/>
        </p:nvSpPr>
        <p:spPr>
          <a:xfrm>
            <a:off x="6768355" y="10246800"/>
            <a:ext cx="2587388" cy="2413701"/>
          </a:xfrm>
          <a:prstGeom prst="rect">
            <a:avLst/>
          </a:prstGeom>
          <a:solidFill>
            <a:srgbClr val="00B050"/>
          </a:solidFill>
          <a:ln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GB" sz="1600" noProof="0" dirty="0"/>
              <a:t>This flow chart is indicative and will depend on the individual circumstances and situation and should be considered alongside BG guidance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89837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Colliers 16:9">
  <a:themeElements>
    <a:clrScheme name="Colliers">
      <a:dk1>
        <a:srgbClr val="4A4A4D"/>
      </a:dk1>
      <a:lt1>
        <a:srgbClr val="FFFFFF"/>
      </a:lt1>
      <a:dk2>
        <a:srgbClr val="25408F"/>
      </a:dk2>
      <a:lt2>
        <a:srgbClr val="CCCDD5"/>
      </a:lt2>
      <a:accent1>
        <a:srgbClr val="25408F"/>
      </a:accent1>
      <a:accent2>
        <a:srgbClr val="0C9ED9"/>
      </a:accent2>
      <a:accent3>
        <a:srgbClr val="B7E4F4"/>
      </a:accent3>
      <a:accent4>
        <a:srgbClr val="9EA2A2"/>
      </a:accent4>
      <a:accent5>
        <a:srgbClr val="ED1B34"/>
      </a:accent5>
      <a:accent6>
        <a:srgbClr val="FFD400"/>
      </a:accent6>
      <a:hlink>
        <a:srgbClr val="0C9ED9"/>
      </a:hlink>
      <a:folHlink>
        <a:srgbClr val="0C9ED9"/>
      </a:folHlink>
    </a:clrScheme>
    <a:fontScheme name="Colliers">
      <a:majorFont>
        <a:latin typeface="Open Sans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D3D9E9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Colliers (9).pptx" id="{94E35C43-FEE9-4260-8F03-C2AE988411A2}" vid="{D9B61C42-FA14-430E-B9DE-17E5FA19151A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D3D9E9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100%">
      <a:srgbClr val="25408F"/>
    </a:custClr>
    <a:custClr name="Dark blue 80%">
      <a:srgbClr val="5166A5"/>
    </a:custClr>
    <a:custClr name="Dark blue 60%">
      <a:srgbClr val="7C8CBC"/>
    </a:custClr>
    <a:custClr name="Dark blue 40%">
      <a:srgbClr val="A8B3D2"/>
    </a:custClr>
    <a:custClr name="Dark blue 20%">
      <a:srgbClr val="D3D9E9"/>
    </a:custClr>
    <a:custClr name="Medium blue 100%">
      <a:srgbClr val="0C9ED9"/>
    </a:custClr>
    <a:custClr name="Medium blue 80%">
      <a:srgbClr val="3DB1E1"/>
    </a:custClr>
    <a:custClr name="Medium blue 60%">
      <a:srgbClr val="6DC5E8"/>
    </a:custClr>
    <a:custClr name="Medium blue 40%">
      <a:srgbClr val="9ED8F0"/>
    </a:custClr>
    <a:custClr name="Medium blue 20%">
      <a:srgbClr val="CEECF7"/>
    </a:custClr>
    <a:custClr name="Light blue 100%">
      <a:srgbClr val="B7E4F4"/>
    </a:custClr>
    <a:custClr name="Light blue 80%">
      <a:srgbClr val="C5E9F6"/>
    </a:custClr>
    <a:custClr name="Light blue 60%">
      <a:srgbClr val="D4EFF8"/>
    </a:custClr>
    <a:custClr name="Light blue 40%">
      <a:srgbClr val="E2F4FB"/>
    </a:custClr>
    <a:custClr name="Light blue 20%">
      <a:srgbClr val="F1FAFD"/>
    </a:custClr>
    <a:custClr name="Dark grey 100%">
      <a:srgbClr val="4A4A4D"/>
    </a:custClr>
    <a:custClr name="Dark grey 80%">
      <a:srgbClr val="6E6E71"/>
    </a:custClr>
    <a:custClr name="Dark grey  60%">
      <a:srgbClr val="929294"/>
    </a:custClr>
    <a:custClr name="Dark grey 40%">
      <a:srgbClr val="B7B7B8"/>
    </a:custClr>
    <a:custClr name="Dark grey 20%">
      <a:srgbClr val="DBDBDB"/>
    </a:custClr>
    <a:custClr name="Light grey 100%">
      <a:srgbClr val="CCCDD5"/>
    </a:custClr>
    <a:custClr name="Light grey 80%">
      <a:srgbClr val="D6D7DD"/>
    </a:custClr>
    <a:custClr name="Light grey 60%">
      <a:srgbClr val="E0E1E6"/>
    </a:custClr>
    <a:custClr name="Light grey 40%">
      <a:srgbClr val="EBEBEE"/>
    </a:custClr>
    <a:custClr name="Light grey 20%">
      <a:srgbClr val="F5F5F7"/>
    </a:custClr>
    <a:custClr name="Yellow 100%">
      <a:srgbClr val="FFD400"/>
    </a:custClr>
    <a:custClr name="Yellow 80%">
      <a:srgbClr val="FFDD33"/>
    </a:custClr>
    <a:custClr name="Yellow 60%">
      <a:srgbClr val="FFE566"/>
    </a:custClr>
    <a:custClr name="Yellow 40%">
      <a:srgbClr val="FFEE99"/>
    </a:custClr>
    <a:custClr name="Yellow 20%">
      <a:srgbClr val="FFF6CC"/>
    </a:custClr>
    <a:custClr name="Red 100%">
      <a:srgbClr val="ED1B34"/>
    </a:custClr>
    <a:custClr name="Red 80%">
      <a:srgbClr val="F1495D"/>
    </a:custClr>
    <a:custClr name="Red 60%">
      <a:srgbClr val="F47685"/>
    </a:custClr>
    <a:custClr name="Red 40%">
      <a:srgbClr val="F8A4AE"/>
    </a:custClr>
    <a:custClr name="Red 20%">
      <a:srgbClr val="FBD1D6"/>
    </a:custClr>
    <a:custClr name="Orange 100%">
      <a:srgbClr val="F68B1F"/>
    </a:custClr>
    <a:custClr name="Orange 80%">
      <a:srgbClr val="F8A24C"/>
    </a:custClr>
    <a:custClr name="Orange 60%">
      <a:srgbClr val="FAB979"/>
    </a:custClr>
    <a:custClr name="Orange 40%">
      <a:srgbClr val="FBD1A5"/>
    </a:custClr>
    <a:custClr name="Orange 20%">
      <a:srgbClr val="FDE8D2"/>
    </a:custClr>
    <a:custClr name="Purple 100%">
      <a:srgbClr val="9F5F9F"/>
    </a:custClr>
    <a:custClr name="Purple 80%">
      <a:srgbClr val="B27FB2"/>
    </a:custClr>
    <a:custClr name="Purple 60%">
      <a:srgbClr val="C59FC5"/>
    </a:custClr>
    <a:custClr name="Purple 40%">
      <a:srgbClr val="D9BFD9"/>
    </a:custClr>
    <a:custClr name="Purple 20%">
      <a:srgbClr val="ECDFEC"/>
    </a:custClr>
    <a:custClr name="Teal 100%">
      <a:srgbClr val="339088"/>
    </a:custClr>
    <a:custClr name="Teal 80%">
      <a:srgbClr val="5CA6A0"/>
    </a:custClr>
    <a:custClr name="Teal 60%">
      <a:srgbClr val="85BCB8"/>
    </a:custClr>
    <a:custClr name="Teal 40%">
      <a:srgbClr val="ADD3CF"/>
    </a:custClr>
    <a:custClr name="Teal 20%">
      <a:srgbClr val="D6E9E7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{"elementConfiguration":{"binding":"{{Translate(\"ClicktoaddimagefromTemplafy\")}}","disableUpdates":false,"type":"text"},"type":"shape","id":"fbaac4a7-3550-4096-97d2-4c203a3dc93a"},{"elementConfiguration":{"binding":"{{Translate(\"Clicktoaddheader\")}}","disableUpdates":false,"type":"text"},"type":"shape","id":"76df3ded-0a9f-44e6-aa6c-f6663c449a97"},{"elementConfiguration":{"binding":"{{Translate(\"Clicktoaddtitle\")}}","disableUpdates":false,"type":"text"},"type":"shape","id":"d735481e-6c03-4371-b18c-8c68dcc670bb"},{"elementConfiguration":{"binding":"{{Translate(\"Clicktoaddtext\")}}","disableUpdates":false,"type":"text"},"type":"shape","id":"551a73db-90b5-4936-a8fa-d8f29eb6cd2a"},{"elementConfiguration":{"binding":"{{Translate(\"Clicktoaddtext\")}}","disableUpdates":false,"type":"text"},"type":"shape","id":"1d09df78-88ba-4c45-aff5-2ac4834c6e35"},{"elementConfiguration":{"binding":"{{Translate(\"Clicktoaddtext\")}}","disableUpdates":false,"type":"text"},"type":"shape","id":"a5d39925-0b94-4112-bcba-054b17c4dc71"},{"elementConfiguration":{"binding":"{{Translate(\"Clicktoaddquote\")}}","disableUpdates":false,"type":"text"},"type":"shape","id":"b8900ce0-b40e-4afb-9d71-4b81b89a56c5"},{"elementConfiguration":{"binding":"{{Translate(\"Clicktoaddname\")}}","disableUpdates":false,"type":"text"},"type":"shape","id":"0e5c1778-6194-4e9f-80ef-231dcdd72433"},{"elementConfiguration":{"binding":"{{StringJoin(\" \", UserProfile.FirstName, UserProfile.LastName)}}","disableUpdates":false,"type":"text"},"type":"shape","id":"ce7bef22-da22-4a19-84ab-fd9eabbb47ce"},{"elementConfiguration":{"binding":"{{UserProfile.Email}}","disableUpdates":false,"type":"text"},"type":"shape","id":"538399f9-5e68-4d96-84a4-7f5b2da07ff7"},{"elementConfiguration":{"binding":"{{Translate(\"Clicktoaddheader\")}}","disableUpdates":false,"type":"text"},"type":"shape","id":"b302c8cf-95a6-468b-9814-7d3a1bd269fb"},{"elementConfiguration":{"binding":"{{Translate(\"Clicktoaddtitle\")}}","disableUpdates":false,"type":"text"},"type":"shape","id":"1c7c4c91-bc71-4dcb-bf45-f1f6c7bd5efc"},{"elementConfiguration":{"binding":"{{Translate(\"Clicktoaddtext\")}}","disableUpdates":false,"type":"text"},"type":"shape","id":"b2d17a22-b0c7-4b21-9dcd-26afcca93946"},{"elementConfiguration":{"binding":"{{Translate(\"Clicktoaddtext\")}}","disableUpdates":false,"type":"text"},"type":"shape","id":"221ea5a3-0f9a-4dd8-bab2-3b693c4d96b7"},{"elementConfiguration":{"binding":"{{Translate(\"Clicktoaddheader\")}}","disableUpdates":false,"type":"text"},"type":"shape","id":"c220781b-409e-4467-b725-e52b71db0e94"},{"elementConfiguration":{"binding":"{{Translate(\"Clicktoaddtitle\")}}","disableUpdates":false,"type":"text"},"type":"shape","id":"b93429b1-d245-4103-997a-4901d8fb8bd3"},{"elementConfiguration":{"binding":"{{Translate(\"Clicktoaddtext\")}}","disableUpdates":false,"type":"text"},"type":"shape","id":"16047371-9c11-41dd-9b6c-309bd3784c56"},{"elementConfiguration":{"binding":"{{Translate(\"Clicktoaddtext\")}}","disableUpdates":false,"type":"text"},"type":"shape","id":"c77475eb-15b8-4dd2-a8e4-73b951cfb42f"},{"elementConfiguration":{"binding":"{{Translate(\"Clicktoaddtext\")}}","disableUpdates":false,"type":"text"},"type":"shape","id":"13b0dcf1-d1bd-41c3-a8bb-d0bea7ac1baf"},{"elementConfiguration":{"binding":"{{Translate(\"Clicktoaddquote\")}}","disableUpdates":false,"type":"text"},"type":"shape","id":"076d7ee7-2fc1-4731-94ce-1dc8ae4f66ea"},{"elementConfiguration":{"binding":"{{Translate(\"Clicktoaddname\")}}","disableUpdates":false,"type":"text"},"type":"shape","id":"26a2c37e-0a99-4b13-8a43-e7c02c0fd078"},{"elementConfiguration":{"binding":"{{Translate(\"ClicktoaddimagefromTemplafy\")}}","disableUpdates":false,"type":"text"},"type":"shape","id":"fd2a0b85-d36c-4bf5-afa6-f15df785a270"},{"elementConfiguration":{"binding":"{{Translate(\"Presentedto\")}}","disableUpdates":false,"type":"text"},"type":"shape","id":"6f5419c3-70ed-497f-af2d-3d527e6a8bec"},{"elementConfiguration":{"binding":"{{Translate(\"Presentedby\")}}","disableUpdates":false,"type":"text"},"type":"shape","id":"75b31df9-3bfa-4f49-8903-4647f7d9dbbc"},{"elementConfiguration":{"binding":"{{Translate(\"Clicktoaddtitle\")}}","disableUpdates":false,"type":"text"},"type":"shape","id":"c72aeeb5-8f80-44c7-8ac3-be2f1343a55f"},{"elementConfiguration":{"binding":"{{Translate(\"Clicktoaddsubtitle\")}}","disableUpdates":false,"type":"text"},"type":"shape","id":"73e8e0f5-84a6-4ecc-8f41-11de8cc21ada"},{"elementConfiguration":{"binding":"{{Translate(\"ClicktoaddimagefromTemplafy\")}}","disableUpdates":false,"type":"text"},"type":"shape","id":"4953de78-9b85-4243-af47-b595f8dcaad4"},{"elementConfiguration":{"binding":"{{Translate(\"Clicktoaddheader\")}}","disableUpdates":false,"type":"text"},"type":"shape","id":"c5f306ea-b54f-4813-8bc6-a51069441dcd"},{"elementConfiguration":{"binding":"{{Translate(\"Clicktoaddtitle\")}}","disableUpdates":false,"type":"text"},"type":"shape","id":"02f9b17e-f3ad-403a-9a3a-d091bb108170"},{"elementConfiguration":{"binding":"{{Translate(\"Clicktoaddtext\")}}","disableUpdates":false,"type":"text"},"type":"shape","id":"d300b67b-fad6-4c64-a8bd-aff50eba75b6"},{"elementConfiguration":{"binding":"{{Translate(\"Clicktoaddtext\")}}","disableUpdates":false,"type":"text"},"type":"shape","id":"ab8218e3-65af-4cd6-8c4a-c699e6128d35"},{"elementConfiguration":{"binding":"{{Translate(\"Clicktoaddtext\")}}","disableUpdates":false,"type":"text"},"type":"shape","id":"6beb7e3d-c518-4b0d-b196-9839de0c4261"},{"elementConfiguration":{"binding":"{{Translate(\"ClicktoaddimagefromTemplafy\")}}","disableUpdates":false,"type":"text"},"type":"shape","id":"bfe8a70a-7d85-4e29-84ca-6d6bfd83cd44"},{"elementConfiguration":{"binding":"{{Translate(\"FirstnameLastname\")}}","disableUpdates":false,"type":"text"},"type":"shape","id":"65ff82dc-f566-4e69-9f31-6a2570eeb17c"},{"elementConfiguration":{"binding":"{{Translate(\"Clicktoaddtitle\")}}","disableUpdates":false,"type":"text"},"type":"shape","id":"1041e8cb-c251-4d6b-b7ff-021e710a7a9e"},{"elementConfiguration":{"binding":"{{Translate(\"ContactInfo\")}}","disableUpdates":false,"type":"text"},"type":"shape","id":"69c87aed-ae3a-4056-8101-77beeea2274a"},{"elementConfiguration":{"binding":"{{Translate(\"ClicktoaddimagefromTemplafy\")}}","disableUpdates":false,"type":"text"},"type":"shape","id":"1f4736dd-9839-48d9-bb18-838498b3889a"},{"elementConfiguration":{"binding":"{{Translate(\"Clicktoaddtitle\")}}","disableUpdates":false,"type":"text"},"type":"shape","id":"60a77fe5-1dca-4b82-915a-c2d2acf64e10"},{"elementConfiguration":{"binding":"{{Translate(\"Presentedto\")}}","disableUpdates":false,"type":"text"},"type":"shape","id":"090ba3db-b6f7-473b-b48a-b93b8cf28d97"},{"elementConfiguration":{"binding":"{{Translate(\"Presentedby\")}}","disableUpdates":false,"type":"text"},"type":"shape","id":"6cc726cc-bc68-4742-9b8e-2c0c6fb9a14d"},{"elementConfiguration":{"binding":"{{Translate(\"Clicktoaddsubtitle\")}}","disableUpdates":false,"type":"text"},"type":"shape","id":"b79bb544-fbb2-4eb5-a808-6a4165b843b5"},{"elementConfiguration":{"binding":"{{Translate(\"Clicktoaddtitle\")}}","disableUpdates":false,"type":"text"},"type":"shape","id":"72c83956-4381-461b-a4c9-6062c9c7ed5a"},{"elementConfiguration":{"binding":"{{Translate(\"Add01\")}}","disableUpdates":false,"type":"text"},"type":"shape","id":"940702cd-5cc2-4b88-95af-9ba21abf60e7"},{"elementConfiguration":{"binding":"{{Translate(\"Clicktoaddheader\")}}","disableUpdates":false,"type":"text"},"type":"shape","id":"0ac2699e-2d2b-4206-9bac-b4df25d0e1f8"},{"elementConfiguration":{"binding":"{{Translate(\"Clicktoaddtitle\")}}","disableUpdates":false,"type":"text"},"type":"shape","id":"e780ee8a-de5f-4f30-b680-d402723c44b4"},{"elementConfiguration":{"binding":"{{Translate(\"Clicktoaddtext\")}}","disableUpdates":false,"type":"text"},"type":"shape","id":"96f8077f-5045-4d82-b472-4a81f6c134d3"},{"elementConfiguration":{"binding":"{{Translate(\"Clicktoaddtext\")}}","disableUpdates":false,"type":"text"},"type":"shape","id":"298a49ef-8c3f-44d9-bb8b-c95dd20aebfd"},{"elementConfiguration":{"binding":"{{Translate(\"Clicktoaddtext\")}}","disableUpdates":false,"type":"text"},"type":"shape","id":"0955c802-bb61-41b4-bd2a-720785f1fa44"},{"elementConfiguration":{"binding":"{{Translate(\"ClicktoaddimagefromTemplafy\")}}","disableUpdates":false,"type":"text"},"type":"shape","id":"89c629e8-5f88-44e9-9386-8a0d8d08cfd2"},{"elementConfiguration":{"binding":"{{Translate(\"Clicktoaddtitle\")}}","disableUpdates":false,"type":"text"},"type":"shape","id":"11f3ef96-5084-425a-945a-f6bf2a2fcfd8"},{"elementConfiguration":{"binding":"{{Translate(\"Add01\")}}","disableUpdates":false,"type":"text"},"type":"shape","id":"abccf495-947e-479c-a9e6-b49efbc4f5d8"},{"elementConfiguration":{"binding":"{{Translate(\"ClicktoaddimagefromTemplafy\")}}","disableUpdates":false,"type":"text"},"type":"shape","id":"c7c7c3f7-c144-425c-b9f8-c9c806280a6c"},{"elementConfiguration":{"binding":"{{Translate(\"Clicktoaddheader\")}}","disableUpdates":false,"type":"text"},"type":"shape","id":"44e7bde5-28eb-4849-bc23-fa6a539d4013"},{"elementConfiguration":{"binding":"{{Translate(\"Clicktoaddtitle\")}}","disableUpdates":false,"type":"text"},"type":"shape","id":"5941f996-f303-46ec-878e-4f4ef47be6d4"},{"elementConfiguration":{"binding":"{{Translate(\"Clicktoaddtext\")}}","disableUpdates":false,"type":"text"},"type":"shape","id":"f8c14a56-ec27-4fcc-9c8c-734b18c0aa50"},{"elementConfiguration":{"binding":"{{Translate(\"Clicktoaddtext\")}}","disableUpdates":false,"type":"text"},"type":"shape","id":"cd12bc01-b90d-49fe-85ed-173404460c80"},{"elementConfiguration":{"binding":"{{Translate(\"Clicktoaddtext\")}}","disableUpdates":false,"type":"text"},"type":"shape","id":"c4a0f9e8-f4d5-49c1-8d72-11adadf05a37"},{"elementConfiguration":{"binding":"{{Translate(\"Clicktoaddtitle\")}}","disableUpdates":false,"type":"text"},"type":"shape","id":"0bac697b-6c3a-4e0c-917a-73e1c26f86ea"},{"elementConfiguration":{"binding":"{{Translate(\"Clicktoaddheader\")}}","disableUpdates":false,"type":"text"},"type":"shape","id":"a394c6aa-c8f7-4ddd-bbd4-7a0f3d08ddd0"},{"elementConfiguration":{"binding":"{{Translate(\"Clicktoaddtitle\")}}","disableUpdates":false,"type":"text"},"type":"shape","id":"d0437f71-96e9-44bd-96f4-9dc74546aabe"},{"elementConfiguration":{"binding":"{{Translate(\"Clicktoaddtext\")}}","disableUpdates":false,"type":"text"},"type":"shape","id":"f8b3d8a2-ea65-4cfe-826d-ae5b5915bb5f"},{"elementConfiguration":{"binding":"{{Translate(\"Clicktoaddtext\")}}","disableUpdates":false,"type":"text"},"type":"shape","id":"cb82a082-f153-4f32-9539-d180a6f7ff30"},{"elementConfiguration":{"binding":"{{Translate(\"Clicktoaddtext\")}}","disableUpdates":false,"type":"text"},"type":"shape","id":"ecbd7da6-247f-40a1-96fe-45e2447dd249"},{"elementConfiguration":{"binding":"{{Translate(\"Clicktoaddquote\")}}","disableUpdates":false,"type":"text"},"type":"shape","id":"2da50e18-113f-4891-8ff6-4c7b6cb93f2f"},{"elementConfiguration":{"binding":"{{Translate(\"Clicktoaddname\")}}","disableUpdates":false,"type":"text"},"type":"shape","id":"9e3e22e3-2caf-493c-972b-dad7dac5fb6a"},{"elementConfiguration":{"binding":"{{Translate(\"ClicktoaddimagefromTemplafy\")}}","disableUpdates":false,"type":"text"},"type":"shape","id":"b5cf8c4a-8ef4-4624-a7c2-8d30c838e969"},{"elementConfiguration":{"binding":"{{Translate(\"Clicktoaddagenda\")}}","disableUpdates":false,"type":"text"},"type":"shape","id":"c53560db-e74c-4a94-9bcc-ee84e5968c2d"},{"elementConfiguration":{"binding":"Translations.Clicktoaddagendatabforhighlight","disableUpdates":false,"type":"text"},"type":"shape","id":"fe21a69f-9c9d-4ff3-b0b7-2025c1e25362"},{"elementConfiguration":{"binding":"Translations.Clicktoaddagenda","disableUpdates":false,"type":"text"},"type":"shape","id":"cc4c2e0f-b333-4462-8bec-1ed2807dd0cd"},{"elementConfiguration":{"binding":"{{Translate(\"Clicktoaddheader\")}}","disableUpdates":false,"type":"text"},"type":"shape","id":"7f4b33ee-6766-490d-8145-683e42ba0122"},{"elementConfiguration":{"binding":"{{Translate(\"Clicktoaddtitle\")}}","disableUpdates":false,"type":"text"},"type":"shape","id":"d6ef74b4-121f-4900-9bad-38c55cbf2a71"},{"elementConfiguration":{"binding":"{{Translate(\"Clicktoaddtext\")}}","disableUpdates":false,"type":"text"},"type":"shape","id":"3367fe30-46d5-4f8e-b923-b71c9c44f1c7"},{"elementConfiguration":{"binding":"{{Translate(\"Clicktoaddtext\")}}","disableUpdates":false,"type":"text"},"type":"shape","id":"611f3821-01d0-48d3-af0a-9d1212b14c5b"},{"elementConfiguration":{"binding":"{{Translate(\"Clicktoaddtext\")}}","disableUpdates":false,"type":"text"},"type":"shape","id":"ae1ed0d7-57f1-4040-8e43-d2724ae1352a"},{"elementConfiguration":{"binding":"{{Translate(\"ClicktoaddimagefromTemplafy\")}}","disableUpdates":false,"type":"text"},"type":"shape","id":"fc23c2c9-3728-4e2f-aa36-21825a7789fc"},{"elementConfiguration":{"binding":"{{Translate(\"Clicktoaddheader\")}}","disableUpdates":false,"type":"text"},"type":"shape","id":"89ebc1a4-5958-49f6-bee7-3769f0ddfde8"},{"elementConfiguration":{"binding":"{{Translate(\"Clicktoaddtitle\")}}","disableUpdates":false,"type":"text"},"type":"shape","id":"d46fc12c-f0c6-4a0c-9a4e-4faca62d5645"},{"elementConfiguration":{"binding":"{{Translate(\"Clicktoaddtext\")}}","disableUpdates":false,"type":"text"},"type":"shape","id":"0642b72c-41a0-4d97-b7e0-403595e921df"},{"elementConfiguration":{"binding":"{{Translate(\"Clicktoaddtext\")}}","disableUpdates":false,"type":"text"},"type":"shape","id":"15014e7e-a568-479d-8b88-c3fc8c387089"},{"elementConfiguration":{"binding":"{{Translate(\"Clicktoaddtext\")}}","disableUpdates":false,"type":"text"},"type":"shape","id":"c10e5c69-4b49-4ad8-bda0-1b21c7f85168"},{"elementConfiguration":{"binding":"{{Translate(\"Clicktoaddtitle\")}}","disableUpdates":false,"type":"text"},"type":"shape","id":"e63b5385-85a8-4ed7-8f8e-a3e1b66ef126"},{"elementConfiguration":{"binding":"{{Translate(\"Clicktoaddtext\")}}","disableUpdates":false,"type":"text"},"type":"shape","id":"0c577c41-65dd-4981-b0dd-f4cd6051a42c"},{"elementConfiguration":{"binding":"{{Translate(\"Clicktoaddheader\")}}","disableUpdates":false,"type":"text"},"type":"shape","id":"61c26ff3-6c14-4d0d-93b0-62f36dc759ff"},{"elementConfiguration":{"binding":"{{Translate(\"Clicktoaddtitle\")}}","disableUpdates":false,"type":"text"},"type":"shape","id":"04cfff6d-bf2f-4020-8bb6-b38cded94de3"},{"elementConfiguration":{"binding":"{{Translate(\"Clicktoaddtext\")}}","disableUpdates":false,"type":"text"},"type":"shape","id":"ac19e692-7813-4976-8c95-9967cfc345f0"},{"elementConfiguration":{"binding":"{{Translate(\"Clicktoaddtext\")}}","disableUpdates":false,"type":"text"},"type":"shape","id":"e4315f19-ce96-4e15-a1d8-8c078b45501a"},{"elementConfiguration":{"binding":"{{Translate(\"Clicktoaddagenda\")}}","disableUpdates":false,"type":"text"},"type":"shape","id":"8c267881-ee86-440a-a8b4-6c5cd12e60ce"},{"elementConfiguration":{"binding":"{{Translate(\"Clicktoaddagendatabforhighlight\")}}","disableUpdates":false,"type":"text"},"type":"shape","id":"7248b050-13ca-4ea9-a181-b30e7166caf5"},{"elementConfiguration":{"binding":"Translations.Clicktoaddagenda","disableUpdates":false,"type":"text"},"type":"shape","id":"74e7be37-40ac-413f-bd76-bdea051f906b"},{"elementConfiguration":{"binding":"Translations.Clicktoaddagenda","disableUpdates":false,"type":"text"},"type":"shape","id":"248a81d6-4be7-4a41-8519-99a1a6bcc943"},{"elementConfiguration":{"binding":"Translations.Clicktoaddagendatabforhighlight","disableUpdates":false,"type":"text"},"type":"shape","id":"35cf2ba6-3ef1-4a47-b2ef-faa7e7bdd77a"}],"transformationConfigurations":[{"language":"{{DocumentLanguage}}","disableUpdates":false,"type":"proofingLanguage"}],"templateName":"Core Global Template","templateDescription":"","enableDocumentContentUpdater":true,"version":"2.0"}]]></TemplafyTemplate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6F38821AFCAFE499DEAB009D536205D" ma:contentTypeVersion="13" ma:contentTypeDescription="Create a new document." ma:contentTypeScope="" ma:versionID="b6da60686344724b6881dfb62cb4c71b">
  <xsd:schema xmlns:xsd="http://www.w3.org/2001/XMLSchema" xmlns:xs="http://www.w3.org/2001/XMLSchema" xmlns:p="http://schemas.microsoft.com/office/2006/metadata/properties" xmlns:ns2="7b12c175-24ff-4fbf-a2aa-7addc71a7522" xmlns:ns3="aabd299c-2aa4-45f1-b08a-19b7177955f0" targetNamespace="http://schemas.microsoft.com/office/2006/metadata/properties" ma:root="true" ma:fieldsID="c5584c0b306020a5c415f2736d20e514" ns2:_="" ns3:_="">
    <xsd:import namespace="7b12c175-24ff-4fbf-a2aa-7addc71a7522"/>
    <xsd:import namespace="aabd299c-2aa4-45f1-b08a-19b7177955f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b12c175-24ff-4fbf-a2aa-7addc71a752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9" nillable="true" ma:displayName="Location" ma:internalName="MediaServiceLocation" ma:readOnly="true">
      <xsd:simpleType>
        <xsd:restriction base="dms:Text"/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bd299c-2aa4-45f1-b08a-19b7177955f0" elementFormDefault="qualified">
    <xsd:import namespace="http://schemas.microsoft.com/office/2006/documentManagement/types"/>
    <xsd:import namespace="http://schemas.microsoft.com/office/infopath/2007/PartnerControls"/>
    <xsd:element name="SharedWithUsers" ma:index="17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8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elementConfiguration":{"binding":"{{Translate(\"Clicktoaddheader\")}}","disableUpdates":false,"type":"text"},"type":"shape"},{"elementConfiguration":{"binding":"{{Translate(\"Clicktoaddtitle\")}}","disableUpdates":false,"type":"text"},"type":"shape"},{"elementConfiguration":{"binding":"{{Translate(\"Clicktoaddtext\")}}","disableUpdates":false,"type":"text"},"type":"shape"},{"elementConfiguration":{"binding":"{{Translate(\"Clicktoaddtext\")}}","disableUpdates":false,"type":"text"},"type":"shape"}],"slideId":"637890233573516952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78C21A5E-8450-4DBC-8908-F4B250EEC97D}">
  <ds:schemaRefs/>
</ds:datastoreItem>
</file>

<file path=customXml/itemProps2.xml><?xml version="1.0" encoding="utf-8"?>
<ds:datastoreItem xmlns:ds="http://schemas.openxmlformats.org/officeDocument/2006/customXml" ds:itemID="{29BB1266-4864-411A-84DE-2ED7BC81715F}">
  <ds:schemaRefs/>
</ds:datastoreItem>
</file>

<file path=customXml/itemProps3.xml><?xml version="1.0" encoding="utf-8"?>
<ds:datastoreItem xmlns:ds="http://schemas.openxmlformats.org/officeDocument/2006/customXml" ds:itemID="{CE263BE8-0C26-4136-BB83-3A79FF130894}">
  <ds:schemaRefs>
    <ds:schemaRef ds:uri="http://schemas.microsoft.com/office/2006/metadata/properties"/>
    <ds:schemaRef ds:uri="http://schemas.microsoft.com/office/infopath/2007/PartnerControls"/>
  </ds:schemaRefs>
</ds:datastoreItem>
</file>

<file path=customXml/itemProps4.xml><?xml version="1.0" encoding="utf-8"?>
<ds:datastoreItem xmlns:ds="http://schemas.openxmlformats.org/officeDocument/2006/customXml" ds:itemID="{863D3CD0-D441-44AC-90C8-9477B57A2FFB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b12c175-24ff-4fbf-a2aa-7addc71a7522"/>
    <ds:schemaRef ds:uri="aabd299c-2aa4-45f1-b08a-19b7177955f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27C81D6F-82BC-4C34-AEF0-A8C9CA216C80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B836CAAB-0D2D-42C9-868C-990AE4D31549}">
  <ds:schemaRefs/>
</ds:datastoreItem>
</file>

<file path=customXml/itemProps7.xml><?xml version="1.0" encoding="utf-8"?>
<ds:datastoreItem xmlns:ds="http://schemas.openxmlformats.org/officeDocument/2006/customXml" ds:itemID="{A3BDA2DF-3868-4E7C-9429-472B80C5EE7B}">
  <ds:schemaRefs/>
</ds:datastoreItem>
</file>

<file path=docMetadata/LabelInfo.xml><?xml version="1.0" encoding="utf-8"?>
<clbl:labelList xmlns:clbl="http://schemas.microsoft.com/office/2020/mipLabelMetadata">
  <clbl:label id="{8c970d48-f7b9-48b0-9606-072fbefb514d}" enabled="1" method="Standard" siteId="{049e3382-8cdc-477b-9317-951b04689668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37</Words>
  <Application>Microsoft Office PowerPoint</Application>
  <PresentationFormat>A3 Paper (297x420 mm)</PresentationFormat>
  <Paragraphs>27</Paragraphs>
  <Slides>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Calibri</vt:lpstr>
      <vt:lpstr>Open Sans</vt:lpstr>
      <vt:lpstr>Open Sans Light</vt:lpstr>
      <vt:lpstr>Colliers 16:9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1-22T14:32:09Z</dcterms:created>
  <dcterms:modified xsi:type="dcterms:W3CDTF">2023-02-14T18:26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2-05-24T21:09:17</vt:lpwstr>
  </property>
  <property fmtid="{D5CDD505-2E9C-101B-9397-08002B2CF9AE}" pid="4" name="DocumentInfoFinished">
    <vt:lpwstr>True</vt:lpwstr>
  </property>
  <property fmtid="{D5CDD505-2E9C-101B-9397-08002B2CF9AE}" pid="5" name="ContentTypeId">
    <vt:lpwstr>0x010100E6F38821AFCAFE499DEAB009D536205D</vt:lpwstr>
  </property>
  <property fmtid="{D5CDD505-2E9C-101B-9397-08002B2CF9AE}" pid="6" name="TemplafyTenantId">
    <vt:lpwstr>colliers</vt:lpwstr>
  </property>
  <property fmtid="{D5CDD505-2E9C-101B-9397-08002B2CF9AE}" pid="7" name="TemplafyTemplateId">
    <vt:lpwstr>637890233567915225</vt:lpwstr>
  </property>
  <property fmtid="{D5CDD505-2E9C-101B-9397-08002B2CF9AE}" pid="8" name="TemplafyUserProfileId">
    <vt:lpwstr>637844470046543797</vt:lpwstr>
  </property>
  <property fmtid="{D5CDD505-2E9C-101B-9397-08002B2CF9AE}" pid="9" name="TemplafyLanguageCode">
    <vt:lpwstr>en-GB</vt:lpwstr>
  </property>
  <property fmtid="{D5CDD505-2E9C-101B-9397-08002B2CF9AE}" pid="10" name="TemplafyFromBlank">
    <vt:bool>true</vt:bool>
  </property>
  <property fmtid="{D5CDD505-2E9C-101B-9397-08002B2CF9AE}" pid="11" name="ClassificationContentMarkingFooterLocations">
    <vt:lpwstr>Colliers 16\:9:14</vt:lpwstr>
  </property>
  <property fmtid="{D5CDD505-2E9C-101B-9397-08002B2CF9AE}" pid="12" name="ClassificationContentMarkingFooterText">
    <vt:lpwstr>Business</vt:lpwstr>
  </property>
</Properties>
</file>